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theme/theme2.xml" ContentType="application/vnd.openxmlformats-officedocument.theme+xml"/>
  <Override PartName="/ppt/tags/tag5.xml" ContentType="application/vnd.openxmlformats-officedocument.presentationml.tags+xml"/>
  <Override PartName="/ppt/theme/theme3.xml" ContentType="application/vnd.openxmlformats-officedocument.theme+xml"/>
  <Override PartName="/ppt/tags/tag6.xml" ContentType="application/vnd.openxmlformats-officedocument.presentationml.tags+xml"/>
  <Override PartName="/ppt/notesSlides/notesSlide1.xml" ContentType="application/vnd.openxmlformats-officedocument.presentationml.notesSlide+xml"/>
  <Override PartName="/ppt/tags/tag7.xml" ContentType="application/vnd.openxmlformats-officedocument.presentationml.tags+xml"/>
  <Override PartName="/ppt/tags/tag8.xml" ContentType="application/vnd.openxmlformats-officedocument.presentationml.tags+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tags/tag9.xml" ContentType="application/vnd.openxmlformats-officedocument.presentationml.tags+xml"/>
  <Override PartName="/ppt/notesSlides/notesSlide5.xml" ContentType="application/vnd.openxmlformats-officedocument.presentationml.notesSlide+xml"/>
  <Override PartName="/ppt/tags/tag10.xml" ContentType="application/vnd.openxmlformats-officedocument.presentationml.tags+xml"/>
  <Override PartName="/ppt/notesSlides/notesSlide6.xml" ContentType="application/vnd.openxmlformats-officedocument.presentationml.notesSlide+xml"/>
  <Override PartName="/ppt/tags/tag11.xml" ContentType="application/vnd.openxmlformats-officedocument.presentationml.tags+xml"/>
  <Override PartName="/ppt/notesSlides/notesSlide7.xml" ContentType="application/vnd.openxmlformats-officedocument.presentationml.notesSlide+xml"/>
  <Override PartName="/ppt/tags/tag12.xml" ContentType="application/vnd.openxmlformats-officedocument.presentationml.tags+xml"/>
  <Override PartName="/ppt/notesSlides/notesSlide8.xml" ContentType="application/vnd.openxmlformats-officedocument.presentationml.notesSlide+xml"/>
  <Override PartName="/ppt/notesSlides/notesSlide9.xml" ContentType="application/vnd.openxmlformats-officedocument.presentationml.notesSlide+xml"/>
  <Override PartName="/ppt/tags/tag13.xml" ContentType="application/vnd.openxmlformats-officedocument.presentationml.tags+xml"/>
  <Override PartName="/ppt/notesSlides/notesSlide10.xml" ContentType="application/vnd.openxmlformats-officedocument.presentationml.notesSlide+xml"/>
  <Override PartName="/ppt/tags/tag14.xml" ContentType="application/vnd.openxmlformats-officedocument.presentationml.tags+xml"/>
  <Override PartName="/ppt/notesSlides/notesSlide11.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15.xml" ContentType="application/vnd.openxmlformats-officedocument.presentationml.tags+xml"/>
  <Override PartName="/ppt/notesSlides/notesSlide12.xml" ContentType="application/vnd.openxmlformats-officedocument.presentationml.notesSlide+xml"/>
  <Override PartName="/ppt/tags/tag16.xml" ContentType="application/vnd.openxmlformats-officedocument.presentationml.tags+xml"/>
  <Override PartName="/ppt/notesSlides/notesSlide13.xml" ContentType="application/vnd.openxmlformats-officedocument.presentationml.notesSlide+xml"/>
  <Override PartName="/ppt/tags/tag17.xml" ContentType="application/vnd.openxmlformats-officedocument.presentationml.tags+xml"/>
  <Override PartName="/ppt/notesSlides/notesSlide14.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60" r:id="rId4"/>
    <p:sldMasterId id="2147483687" r:id="rId5"/>
  </p:sldMasterIdLst>
  <p:notesMasterIdLst>
    <p:notesMasterId r:id="rId25"/>
  </p:notesMasterIdLst>
  <p:sldIdLst>
    <p:sldId id="2145706699" r:id="rId6"/>
    <p:sldId id="2145706700" r:id="rId7"/>
    <p:sldId id="2145706664" r:id="rId8"/>
    <p:sldId id="2147473943" r:id="rId9"/>
    <p:sldId id="2147473942" r:id="rId10"/>
    <p:sldId id="2145706448" r:id="rId11"/>
    <p:sldId id="2147473944" r:id="rId12"/>
    <p:sldId id="2145706805" r:id="rId13"/>
    <p:sldId id="2145706803" r:id="rId14"/>
    <p:sldId id="2147473948" r:id="rId15"/>
    <p:sldId id="2147473945" r:id="rId16"/>
    <p:sldId id="2147473947" r:id="rId17"/>
    <p:sldId id="2147474340" r:id="rId18"/>
    <p:sldId id="2147473946" r:id="rId19"/>
    <p:sldId id="2147474341" r:id="rId20"/>
    <p:sldId id="2147474343" r:id="rId21"/>
    <p:sldId id="2147474342" r:id="rId22"/>
    <p:sldId id="2147474339" r:id="rId23"/>
    <p:sldId id="272" r:id="rId24"/>
  </p:sldIdLst>
  <p:sldSz cx="12192000" cy="6858000"/>
  <p:notesSz cx="6858000" cy="9144000"/>
  <p:custDataLst>
    <p:tags r:id="rId26"/>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649106CB-A74E-090A-D42F-AA5093D4D735}" name="Derik Sutton" initials="DS" userId="S::derik@autobooks.co::86196ae5-3267-4b1a-962a-a346b187f718" providerId="AD"/>
</p188:authorLst>
</file>

<file path=ppt/presProps.xml><?xml version="1.0" encoding="utf-8"?>
<p:presentationPr xmlns:a="http://schemas.openxmlformats.org/drawingml/2006/main" xmlns:r="http://schemas.openxmlformats.org/officeDocument/2006/relationships" xmlns:p="http://schemas.openxmlformats.org/presentationml/2006/main">
  <p:clrMru>
    <a:srgbClr val="060E2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AE61C06B-FE53-CD40-AE3D-D8D72C5EE147}" v="8" dt="2025-10-08T19:55:26.299"/>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9028" autoAdjust="0"/>
    <p:restoredTop sz="96327"/>
  </p:normalViewPr>
  <p:slideViewPr>
    <p:cSldViewPr snapToGrid="0">
      <p:cViewPr varScale="1">
        <p:scale>
          <a:sx n="113" d="100"/>
          <a:sy n="113" d="100"/>
        </p:scale>
        <p:origin x="208" y="50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8.xml"/><Relationship Id="rId18" Type="http://schemas.openxmlformats.org/officeDocument/2006/relationships/slide" Target="slides/slide13.xml"/><Relationship Id="rId26" Type="http://schemas.openxmlformats.org/officeDocument/2006/relationships/tags" Target="tags/tag1.xml"/><Relationship Id="rId3" Type="http://schemas.openxmlformats.org/officeDocument/2006/relationships/customXml" Target="../customXml/item3.xml"/><Relationship Id="rId21" Type="http://schemas.openxmlformats.org/officeDocument/2006/relationships/slide" Target="slides/slide16.xml"/><Relationship Id="rId7" Type="http://schemas.openxmlformats.org/officeDocument/2006/relationships/slide" Target="slides/slide2.xml"/><Relationship Id="rId12" Type="http://schemas.openxmlformats.org/officeDocument/2006/relationships/slide" Target="slides/slide7.xml"/><Relationship Id="rId17" Type="http://schemas.openxmlformats.org/officeDocument/2006/relationships/slide" Target="slides/slide12.xml"/><Relationship Id="rId25" Type="http://schemas.openxmlformats.org/officeDocument/2006/relationships/notesMaster" Target="notesMasters/notesMaster1.xml"/><Relationship Id="rId33" Type="http://schemas.microsoft.com/office/2018/10/relationships/authors" Target="authors.xml"/><Relationship Id="rId2" Type="http://schemas.openxmlformats.org/officeDocument/2006/relationships/customXml" Target="../customXml/item2.xml"/><Relationship Id="rId16" Type="http://schemas.openxmlformats.org/officeDocument/2006/relationships/slide" Target="slides/slide11.xml"/><Relationship Id="rId20" Type="http://schemas.openxmlformats.org/officeDocument/2006/relationships/slide" Target="slides/slide15.xml"/><Relationship Id="rId29" Type="http://schemas.openxmlformats.org/officeDocument/2006/relationships/theme" Target="theme/theme1.xml"/><Relationship Id="rId1" Type="http://schemas.openxmlformats.org/officeDocument/2006/relationships/customXml" Target="../customXml/item1.xml"/><Relationship Id="rId6" Type="http://schemas.openxmlformats.org/officeDocument/2006/relationships/slide" Target="slides/slide1.xml"/><Relationship Id="rId11" Type="http://schemas.openxmlformats.org/officeDocument/2006/relationships/slide" Target="slides/slide6.xml"/><Relationship Id="rId24" Type="http://schemas.openxmlformats.org/officeDocument/2006/relationships/slide" Target="slides/slide19.xml"/><Relationship Id="rId32" Type="http://schemas.microsoft.com/office/2015/10/relationships/revisionInfo" Target="revisionInfo.xml"/><Relationship Id="rId5" Type="http://schemas.openxmlformats.org/officeDocument/2006/relationships/slideMaster" Target="slideMasters/slideMaster2.xml"/><Relationship Id="rId15" Type="http://schemas.openxmlformats.org/officeDocument/2006/relationships/slide" Target="slides/slide10.xml"/><Relationship Id="rId23" Type="http://schemas.openxmlformats.org/officeDocument/2006/relationships/slide" Target="slides/slide18.xml"/><Relationship Id="rId28" Type="http://schemas.openxmlformats.org/officeDocument/2006/relationships/viewProps" Target="viewProps.xml"/><Relationship Id="rId10" Type="http://schemas.openxmlformats.org/officeDocument/2006/relationships/slide" Target="slides/slide5.xml"/><Relationship Id="rId19" Type="http://schemas.openxmlformats.org/officeDocument/2006/relationships/slide" Target="slides/slide14.xml"/><Relationship Id="rId31" Type="http://schemas.microsoft.com/office/2016/11/relationships/changesInfo" Target="changesInfos/changesInfo1.xml"/><Relationship Id="rId4" Type="http://schemas.openxmlformats.org/officeDocument/2006/relationships/slideMaster" Target="slideMasters/slideMaster1.xml"/><Relationship Id="rId9" Type="http://schemas.openxmlformats.org/officeDocument/2006/relationships/slide" Target="slides/slide4.xml"/><Relationship Id="rId14" Type="http://schemas.openxmlformats.org/officeDocument/2006/relationships/slide" Target="slides/slide9.xml"/><Relationship Id="rId22" Type="http://schemas.openxmlformats.org/officeDocument/2006/relationships/slide" Target="slides/slide17.xml"/><Relationship Id="rId27" Type="http://schemas.openxmlformats.org/officeDocument/2006/relationships/presProps" Target="presProps.xml"/><Relationship Id="rId30" Type="http://schemas.openxmlformats.org/officeDocument/2006/relationships/tableStyles" Target="tableStyles.xml"/><Relationship Id="rId8" Type="http://schemas.openxmlformats.org/officeDocument/2006/relationships/slide" Target="slides/slide3.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Kim Reher" userId="06170928-e244-4095-ab92-af6df68bbfeb" providerId="ADAL" clId="{B19CDF8D-9F94-564F-8E76-9288A26AE27D}"/>
    <pc:docChg chg="custSel modSld">
      <pc:chgData name="Kim Reher" userId="06170928-e244-4095-ab92-af6df68bbfeb" providerId="ADAL" clId="{B19CDF8D-9F94-564F-8E76-9288A26AE27D}" dt="2025-10-08T19:56:05.593" v="18" actId="1076"/>
      <pc:docMkLst>
        <pc:docMk/>
      </pc:docMkLst>
      <pc:sldChg chg="modSp mod">
        <pc:chgData name="Kim Reher" userId="06170928-e244-4095-ab92-af6df68bbfeb" providerId="ADAL" clId="{B19CDF8D-9F94-564F-8E76-9288A26AE27D}" dt="2025-10-08T19:50:45.983" v="2" actId="732"/>
        <pc:sldMkLst>
          <pc:docMk/>
          <pc:sldMk cId="3515669265" sldId="2145706803"/>
        </pc:sldMkLst>
        <pc:picChg chg="mod modCrop">
          <ac:chgData name="Kim Reher" userId="06170928-e244-4095-ab92-af6df68bbfeb" providerId="ADAL" clId="{B19CDF8D-9F94-564F-8E76-9288A26AE27D}" dt="2025-10-08T19:50:45.983" v="2" actId="732"/>
          <ac:picMkLst>
            <pc:docMk/>
            <pc:sldMk cId="3515669265" sldId="2145706803"/>
            <ac:picMk id="46" creationId="{344684DD-7487-6342-30BC-E99F6CF1C2DD}"/>
          </ac:picMkLst>
        </pc:picChg>
      </pc:sldChg>
      <pc:sldChg chg="addSp delSp modSp mod">
        <pc:chgData name="Kim Reher" userId="06170928-e244-4095-ab92-af6df68bbfeb" providerId="ADAL" clId="{B19CDF8D-9F94-564F-8E76-9288A26AE27D}" dt="2025-10-08T19:55:34.289" v="16" actId="1076"/>
        <pc:sldMkLst>
          <pc:docMk/>
          <pc:sldMk cId="674150788" sldId="2147473946"/>
        </pc:sldMkLst>
        <pc:spChg chg="add del">
          <ac:chgData name="Kim Reher" userId="06170928-e244-4095-ab92-af6df68bbfeb" providerId="ADAL" clId="{B19CDF8D-9F94-564F-8E76-9288A26AE27D}" dt="2025-10-08T19:54:29.775" v="7" actId="478"/>
          <ac:spMkLst>
            <pc:docMk/>
            <pc:sldMk cId="674150788" sldId="2147473946"/>
            <ac:spMk id="2" creationId="{0A3D9CE6-6B77-4E66-9381-26F6396E7A85}"/>
          </ac:spMkLst>
        </pc:spChg>
        <pc:spChg chg="add del mod">
          <ac:chgData name="Kim Reher" userId="06170928-e244-4095-ab92-af6df68bbfeb" providerId="ADAL" clId="{B19CDF8D-9F94-564F-8E76-9288A26AE27D}" dt="2025-10-08T19:54:41.673" v="10" actId="478"/>
          <ac:spMkLst>
            <pc:docMk/>
            <pc:sldMk cId="674150788" sldId="2147473946"/>
            <ac:spMk id="4" creationId="{10FB036D-D1A8-4421-435B-E83F283E2CA1}"/>
          </ac:spMkLst>
        </pc:spChg>
        <pc:picChg chg="add mod">
          <ac:chgData name="Kim Reher" userId="06170928-e244-4095-ab92-af6df68bbfeb" providerId="ADAL" clId="{B19CDF8D-9F94-564F-8E76-9288A26AE27D}" dt="2025-10-08T19:55:34.289" v="16" actId="1076"/>
          <ac:picMkLst>
            <pc:docMk/>
            <pc:sldMk cId="674150788" sldId="2147473946"/>
            <ac:picMk id="6" creationId="{1A6C027A-5ED1-1BA3-AC4E-F1E61FBF8134}"/>
          </ac:picMkLst>
        </pc:picChg>
        <pc:picChg chg="del">
          <ac:chgData name="Kim Reher" userId="06170928-e244-4095-ab92-af6df68bbfeb" providerId="ADAL" clId="{B19CDF8D-9F94-564F-8E76-9288A26AE27D}" dt="2025-10-08T19:52:44.502" v="5" actId="478"/>
          <ac:picMkLst>
            <pc:docMk/>
            <pc:sldMk cId="674150788" sldId="2147473946"/>
            <ac:picMk id="6146" creationId="{F11EB41E-7BB3-1FF0-553E-1F9217F6DE42}"/>
          </ac:picMkLst>
        </pc:picChg>
      </pc:sldChg>
      <pc:sldChg chg="addSp delSp modSp mod">
        <pc:chgData name="Kim Reher" userId="06170928-e244-4095-ab92-af6df68bbfeb" providerId="ADAL" clId="{B19CDF8D-9F94-564F-8E76-9288A26AE27D}" dt="2025-10-08T19:50:59.789" v="4"/>
        <pc:sldMkLst>
          <pc:docMk/>
          <pc:sldMk cId="3108632018" sldId="2147473948"/>
        </pc:sldMkLst>
        <pc:picChg chg="add mod">
          <ac:chgData name="Kim Reher" userId="06170928-e244-4095-ab92-af6df68bbfeb" providerId="ADAL" clId="{B19CDF8D-9F94-564F-8E76-9288A26AE27D}" dt="2025-10-08T19:50:59.789" v="4"/>
          <ac:picMkLst>
            <pc:docMk/>
            <pc:sldMk cId="3108632018" sldId="2147473948"/>
            <ac:picMk id="2" creationId="{93716A8F-1973-B9D3-A2EE-DFD4CC149300}"/>
          </ac:picMkLst>
        </pc:picChg>
        <pc:picChg chg="del">
          <ac:chgData name="Kim Reher" userId="06170928-e244-4095-ab92-af6df68bbfeb" providerId="ADAL" clId="{B19CDF8D-9F94-564F-8E76-9288A26AE27D}" dt="2025-10-08T19:50:57.913" v="3" actId="478"/>
          <ac:picMkLst>
            <pc:docMk/>
            <pc:sldMk cId="3108632018" sldId="2147473948"/>
            <ac:picMk id="46" creationId="{E6835673-B93F-0BF5-38A8-049E742A4B55}"/>
          </ac:picMkLst>
        </pc:picChg>
      </pc:sldChg>
      <pc:sldChg chg="delSp modSp mod">
        <pc:chgData name="Kim Reher" userId="06170928-e244-4095-ab92-af6df68bbfeb" providerId="ADAL" clId="{B19CDF8D-9F94-564F-8E76-9288A26AE27D}" dt="2025-10-08T19:56:05.593" v="18" actId="1076"/>
        <pc:sldMkLst>
          <pc:docMk/>
          <pc:sldMk cId="3950241345" sldId="2147474339"/>
        </pc:sldMkLst>
        <pc:spChg chg="mod">
          <ac:chgData name="Kim Reher" userId="06170928-e244-4095-ab92-af6df68bbfeb" providerId="ADAL" clId="{B19CDF8D-9F94-564F-8E76-9288A26AE27D}" dt="2025-10-08T19:56:05.593" v="18" actId="1076"/>
          <ac:spMkLst>
            <pc:docMk/>
            <pc:sldMk cId="3950241345" sldId="2147474339"/>
            <ac:spMk id="6" creationId="{52AB207C-FD9C-BAD4-2CF1-602000D36CAB}"/>
          </ac:spMkLst>
        </pc:spChg>
        <pc:spChg chg="mod">
          <ac:chgData name="Kim Reher" userId="06170928-e244-4095-ab92-af6df68bbfeb" providerId="ADAL" clId="{B19CDF8D-9F94-564F-8E76-9288A26AE27D}" dt="2025-10-08T19:56:05.593" v="18" actId="1076"/>
          <ac:spMkLst>
            <pc:docMk/>
            <pc:sldMk cId="3950241345" sldId="2147474339"/>
            <ac:spMk id="8" creationId="{A1914514-3B84-AE02-D946-476826F8523B}"/>
          </ac:spMkLst>
        </pc:spChg>
        <pc:spChg chg="mod">
          <ac:chgData name="Kim Reher" userId="06170928-e244-4095-ab92-af6df68bbfeb" providerId="ADAL" clId="{B19CDF8D-9F94-564F-8E76-9288A26AE27D}" dt="2025-10-08T19:56:05.593" v="18" actId="1076"/>
          <ac:spMkLst>
            <pc:docMk/>
            <pc:sldMk cId="3950241345" sldId="2147474339"/>
            <ac:spMk id="9" creationId="{17A7FA11-E2ED-2C1A-F60C-11E76D93A15A}"/>
          </ac:spMkLst>
        </pc:spChg>
        <pc:spChg chg="del">
          <ac:chgData name="Kim Reher" userId="06170928-e244-4095-ab92-af6df68bbfeb" providerId="ADAL" clId="{B19CDF8D-9F94-564F-8E76-9288A26AE27D}" dt="2025-10-08T19:55:58.576" v="17" actId="478"/>
          <ac:spMkLst>
            <pc:docMk/>
            <pc:sldMk cId="3950241345" sldId="2147474339"/>
            <ac:spMk id="10" creationId="{89EE7496-FAEF-7C99-CC1F-5EAA12296718}"/>
          </ac:spMkLst>
        </pc:spChg>
      </pc:sldChg>
    </pc:docChg>
  </pc:docChgLst>
  <pc:docChgLst>
    <pc:chgData name="Kim Reher" userId="06170928-e244-4095-ab92-af6df68bbfeb" providerId="ADAL" clId="{FC452A9F-67A8-4B4E-B105-3B4F2DA7A937}"/>
    <pc:docChg chg="undo custSel addSld delSld modSld sldOrd modMainMaster">
      <pc:chgData name="Kim Reher" userId="06170928-e244-4095-ab92-af6df68bbfeb" providerId="ADAL" clId="{FC452A9F-67A8-4B4E-B105-3B4F2DA7A937}" dt="2025-07-17T17:48:02.626" v="1918" actId="20577"/>
      <pc:docMkLst>
        <pc:docMk/>
      </pc:docMkLst>
      <pc:sldChg chg="del">
        <pc:chgData name="Kim Reher" userId="06170928-e244-4095-ab92-af6df68bbfeb" providerId="ADAL" clId="{FC452A9F-67A8-4B4E-B105-3B4F2DA7A937}" dt="2025-07-17T14:19:37.864" v="1886" actId="2696"/>
        <pc:sldMkLst>
          <pc:docMk/>
          <pc:sldMk cId="1246913765" sldId="2145706673"/>
        </pc:sldMkLst>
      </pc:sldChg>
      <pc:sldChg chg="addSp delSp modSp mod delAnim">
        <pc:chgData name="Kim Reher" userId="06170928-e244-4095-ab92-af6df68bbfeb" providerId="ADAL" clId="{FC452A9F-67A8-4B4E-B105-3B4F2DA7A937}" dt="2025-07-17T14:21:22.887" v="1898" actId="478"/>
        <pc:sldMkLst>
          <pc:docMk/>
          <pc:sldMk cId="2753107675" sldId="2145706699"/>
        </pc:sldMkLst>
      </pc:sldChg>
      <pc:sldChg chg="delSp modSp mod delAnim">
        <pc:chgData name="Kim Reher" userId="06170928-e244-4095-ab92-af6df68bbfeb" providerId="ADAL" clId="{FC452A9F-67A8-4B4E-B105-3B4F2DA7A937}" dt="2025-07-17T14:19:57.073" v="1893" actId="478"/>
        <pc:sldMkLst>
          <pc:docMk/>
          <pc:sldMk cId="82050100" sldId="2145706700"/>
        </pc:sldMkLst>
      </pc:sldChg>
      <pc:sldChg chg="modSp mod">
        <pc:chgData name="Kim Reher" userId="06170928-e244-4095-ab92-af6df68bbfeb" providerId="ADAL" clId="{FC452A9F-67A8-4B4E-B105-3B4F2DA7A937}" dt="2025-07-17T13:12:43.990" v="62" actId="20577"/>
        <pc:sldMkLst>
          <pc:docMk/>
          <pc:sldMk cId="2929194641" sldId="2145706805"/>
        </pc:sldMkLst>
      </pc:sldChg>
      <pc:sldChg chg="del ord">
        <pc:chgData name="Kim Reher" userId="06170928-e244-4095-ab92-af6df68bbfeb" providerId="ADAL" clId="{FC452A9F-67A8-4B4E-B105-3B4F2DA7A937}" dt="2025-07-17T14:19:18.105" v="1884" actId="2696"/>
        <pc:sldMkLst>
          <pc:docMk/>
          <pc:sldMk cId="3247240886" sldId="2145706809"/>
        </pc:sldMkLst>
      </pc:sldChg>
      <pc:sldChg chg="del">
        <pc:chgData name="Kim Reher" userId="06170928-e244-4095-ab92-af6df68bbfeb" providerId="ADAL" clId="{FC452A9F-67A8-4B4E-B105-3B4F2DA7A937}" dt="2025-07-17T14:19:37.864" v="1886" actId="2696"/>
        <pc:sldMkLst>
          <pc:docMk/>
          <pc:sldMk cId="1265309590" sldId="2145706815"/>
        </pc:sldMkLst>
      </pc:sldChg>
      <pc:sldChg chg="del">
        <pc:chgData name="Kim Reher" userId="06170928-e244-4095-ab92-af6df68bbfeb" providerId="ADAL" clId="{FC452A9F-67A8-4B4E-B105-3B4F2DA7A937}" dt="2025-07-17T13:14:07.547" v="130" actId="2696"/>
        <pc:sldMkLst>
          <pc:docMk/>
          <pc:sldMk cId="3154555837" sldId="2145706816"/>
        </pc:sldMkLst>
      </pc:sldChg>
      <pc:sldChg chg="del">
        <pc:chgData name="Kim Reher" userId="06170928-e244-4095-ab92-af6df68bbfeb" providerId="ADAL" clId="{FC452A9F-67A8-4B4E-B105-3B4F2DA7A937}" dt="2025-07-17T14:19:23.446" v="1885" actId="2696"/>
        <pc:sldMkLst>
          <pc:docMk/>
          <pc:sldMk cId="3174164135" sldId="2145706911"/>
        </pc:sldMkLst>
      </pc:sldChg>
      <pc:sldChg chg="addSp delSp modSp mod">
        <pc:chgData name="Kim Reher" userId="06170928-e244-4095-ab92-af6df68bbfeb" providerId="ADAL" clId="{FC452A9F-67A8-4B4E-B105-3B4F2DA7A937}" dt="2025-07-17T13:42:38.242" v="509" actId="14826"/>
        <pc:sldMkLst>
          <pc:docMk/>
          <pc:sldMk cId="674150788" sldId="2147473946"/>
        </pc:sldMkLst>
      </pc:sldChg>
      <pc:sldChg chg="modSp mod ord">
        <pc:chgData name="Kim Reher" userId="06170928-e244-4095-ab92-af6df68bbfeb" providerId="ADAL" clId="{FC452A9F-67A8-4B4E-B105-3B4F2DA7A937}" dt="2025-07-17T17:48:02.626" v="1918" actId="20577"/>
        <pc:sldMkLst>
          <pc:docMk/>
          <pc:sldMk cId="774566288" sldId="2147473947"/>
        </pc:sldMkLst>
      </pc:sldChg>
      <pc:sldChg chg="addSp delSp modSp mod">
        <pc:chgData name="Kim Reher" userId="06170928-e244-4095-ab92-af6df68bbfeb" providerId="ADAL" clId="{FC452A9F-67A8-4B4E-B105-3B4F2DA7A937}" dt="2025-07-17T14:18:40.776" v="1882" actId="20577"/>
        <pc:sldMkLst>
          <pc:docMk/>
          <pc:sldMk cId="3950241345" sldId="2147474339"/>
        </pc:sldMkLst>
      </pc:sldChg>
      <pc:sldChg chg="modSp add mod ord">
        <pc:chgData name="Kim Reher" userId="06170928-e244-4095-ab92-af6df68bbfeb" providerId="ADAL" clId="{FC452A9F-67A8-4B4E-B105-3B4F2DA7A937}" dt="2025-07-17T14:17:24.132" v="1871" actId="20577"/>
        <pc:sldMkLst>
          <pc:docMk/>
          <pc:sldMk cId="3940009676" sldId="2147474340"/>
        </pc:sldMkLst>
      </pc:sldChg>
      <pc:sldChg chg="addSp delSp modSp add mod">
        <pc:chgData name="Kim Reher" userId="06170928-e244-4095-ab92-af6df68bbfeb" providerId="ADAL" clId="{FC452A9F-67A8-4B4E-B105-3B4F2DA7A937}" dt="2025-07-17T13:54:05.424" v="1051" actId="33524"/>
        <pc:sldMkLst>
          <pc:docMk/>
          <pc:sldMk cId="696027940" sldId="2147474341"/>
        </pc:sldMkLst>
      </pc:sldChg>
      <pc:sldChg chg="addSp modSp add mod">
        <pc:chgData name="Kim Reher" userId="06170928-e244-4095-ab92-af6df68bbfeb" providerId="ADAL" clId="{FC452A9F-67A8-4B4E-B105-3B4F2DA7A937}" dt="2025-07-17T14:16:37.930" v="1840" actId="14826"/>
        <pc:sldMkLst>
          <pc:docMk/>
          <pc:sldMk cId="1538743468" sldId="2147474342"/>
        </pc:sldMkLst>
      </pc:sldChg>
      <pc:sldChg chg="addSp delSp modSp add mod">
        <pc:chgData name="Kim Reher" userId="06170928-e244-4095-ab92-af6df68bbfeb" providerId="ADAL" clId="{FC452A9F-67A8-4B4E-B105-3B4F2DA7A937}" dt="2025-07-17T14:11:00.264" v="1469" actId="13822"/>
        <pc:sldMkLst>
          <pc:docMk/>
          <pc:sldMk cId="3776642477" sldId="2147474343"/>
        </pc:sldMkLst>
      </pc:sldChg>
      <pc:sldChg chg="modSp add del mod">
        <pc:chgData name="Kim Reher" userId="06170928-e244-4095-ab92-af6df68bbfeb" providerId="ADAL" clId="{FC452A9F-67A8-4B4E-B105-3B4F2DA7A937}" dt="2025-07-17T14:11:15.905" v="1470" actId="2696"/>
        <pc:sldMkLst>
          <pc:docMk/>
          <pc:sldMk cId="4222754574" sldId="2147474344"/>
        </pc:sldMkLst>
      </pc:sldChg>
      <pc:sldMasterChg chg="delSp mod delAnim delSldLayout modSldLayout">
        <pc:chgData name="Kim Reher" userId="06170928-e244-4095-ab92-af6df68bbfeb" providerId="ADAL" clId="{FC452A9F-67A8-4B4E-B105-3B4F2DA7A937}" dt="2025-07-17T14:20:11.160" v="1896" actId="478"/>
        <pc:sldMasterMkLst>
          <pc:docMk/>
          <pc:sldMasterMk cId="2709621288" sldId="2147483660"/>
        </pc:sldMasterMkLst>
        <pc:sldLayoutChg chg="delSp mod delAnim">
          <pc:chgData name="Kim Reher" userId="06170928-e244-4095-ab92-af6df68bbfeb" providerId="ADAL" clId="{FC452A9F-67A8-4B4E-B105-3B4F2DA7A937}" dt="2025-07-17T14:20:11.160" v="1896" actId="478"/>
          <pc:sldLayoutMkLst>
            <pc:docMk/>
            <pc:sldMasterMk cId="2709621288" sldId="2147483660"/>
            <pc:sldLayoutMk cId="1653444501" sldId="2147483664"/>
          </pc:sldLayoutMkLst>
        </pc:sldLayoutChg>
        <pc:sldLayoutChg chg="del">
          <pc:chgData name="Kim Reher" userId="06170928-e244-4095-ab92-af6df68bbfeb" providerId="ADAL" clId="{FC452A9F-67A8-4B4E-B105-3B4F2DA7A937}" dt="2025-07-17T13:14:07.547" v="130" actId="2696"/>
          <pc:sldLayoutMkLst>
            <pc:docMk/>
            <pc:sldMasterMk cId="2709621288" sldId="2147483660"/>
            <pc:sldLayoutMk cId="1180220841" sldId="2147483684"/>
          </pc:sldLayoutMkLst>
        </pc:sldLayoutChg>
      </pc:sldMasterChg>
    </pc:docChg>
  </pc:docChgLst>
</pc:chgInfo>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86333C5C-99A2-DC4A-A57D-699F58B265C8}" type="doc">
      <dgm:prSet loTypeId="urn:microsoft.com/office/officeart/2005/8/layout/cycle5" loCatId="" qsTypeId="urn:microsoft.com/office/officeart/2005/8/quickstyle/simple1" qsCatId="simple" csTypeId="urn:microsoft.com/office/officeart/2005/8/colors/accent1_2" csCatId="accent1" phldr="1"/>
      <dgm:spPr/>
      <dgm:t>
        <a:bodyPr/>
        <a:lstStyle/>
        <a:p>
          <a:endParaRPr lang="en-US"/>
        </a:p>
      </dgm:t>
    </dgm:pt>
    <dgm:pt modelId="{E0B56003-F5DE-3042-ADC1-253A0A8A3A8A}">
      <dgm:prSet phldrT="[Text]"/>
      <dgm:spPr/>
      <dgm:t>
        <a:bodyPr/>
        <a:lstStyle/>
        <a:p>
          <a:r>
            <a:rPr lang="en-US" dirty="0"/>
            <a:t>Initial Draw</a:t>
          </a:r>
        </a:p>
      </dgm:t>
    </dgm:pt>
    <dgm:pt modelId="{E8CD6337-37A4-1B4A-9A5D-3E1C2517EACD}" type="parTrans" cxnId="{36DD5227-6EF5-E24D-B465-40236526705E}">
      <dgm:prSet/>
      <dgm:spPr/>
      <dgm:t>
        <a:bodyPr/>
        <a:lstStyle/>
        <a:p>
          <a:endParaRPr lang="en-US"/>
        </a:p>
      </dgm:t>
    </dgm:pt>
    <dgm:pt modelId="{D40E9D71-52CA-3F4C-A40C-29CEA59808FC}" type="sibTrans" cxnId="{36DD5227-6EF5-E24D-B465-40236526705E}">
      <dgm:prSet/>
      <dgm:spPr/>
      <dgm:t>
        <a:bodyPr/>
        <a:lstStyle/>
        <a:p>
          <a:endParaRPr lang="en-US"/>
        </a:p>
      </dgm:t>
    </dgm:pt>
    <dgm:pt modelId="{98136CCA-19F5-8545-96E2-CF27EB623118}">
      <dgm:prSet phldrT="[Text]"/>
      <dgm:spPr/>
      <dgm:t>
        <a:bodyPr/>
        <a:lstStyle/>
        <a:p>
          <a:r>
            <a:rPr lang="en-US" dirty="0"/>
            <a:t>Weekly repayment debit</a:t>
          </a:r>
        </a:p>
      </dgm:t>
    </dgm:pt>
    <dgm:pt modelId="{8243F2C6-7B55-8B43-98C0-EC694E4A456F}" type="parTrans" cxnId="{272A744F-298F-4B49-8596-57E946A91D11}">
      <dgm:prSet/>
      <dgm:spPr/>
      <dgm:t>
        <a:bodyPr/>
        <a:lstStyle/>
        <a:p>
          <a:endParaRPr lang="en-US"/>
        </a:p>
      </dgm:t>
    </dgm:pt>
    <dgm:pt modelId="{706C3722-6C86-E448-9A54-8F7800F710FB}" type="sibTrans" cxnId="{272A744F-298F-4B49-8596-57E946A91D11}">
      <dgm:prSet/>
      <dgm:spPr/>
      <dgm:t>
        <a:bodyPr/>
        <a:lstStyle/>
        <a:p>
          <a:endParaRPr lang="en-US"/>
        </a:p>
      </dgm:t>
    </dgm:pt>
    <dgm:pt modelId="{60459415-6507-514D-A524-1D8E2F59DC3E}">
      <dgm:prSet phldrT="[Text]"/>
      <dgm:spPr/>
      <dgm:t>
        <a:bodyPr/>
        <a:lstStyle/>
        <a:p>
          <a:r>
            <a:rPr lang="en-US" dirty="0"/>
            <a:t>Repayment of draw in full</a:t>
          </a:r>
        </a:p>
      </dgm:t>
    </dgm:pt>
    <dgm:pt modelId="{22646CF7-B233-AB48-9CC9-2199C2569602}" type="parTrans" cxnId="{57AEB6F8-947C-7F43-A2A7-C320D257F2A4}">
      <dgm:prSet/>
      <dgm:spPr/>
      <dgm:t>
        <a:bodyPr/>
        <a:lstStyle/>
        <a:p>
          <a:endParaRPr lang="en-US"/>
        </a:p>
      </dgm:t>
    </dgm:pt>
    <dgm:pt modelId="{98B302E4-173A-8640-AB2C-12D4FC8D3D3F}" type="sibTrans" cxnId="{57AEB6F8-947C-7F43-A2A7-C320D257F2A4}">
      <dgm:prSet/>
      <dgm:spPr/>
      <dgm:t>
        <a:bodyPr/>
        <a:lstStyle/>
        <a:p>
          <a:endParaRPr lang="en-US"/>
        </a:p>
      </dgm:t>
    </dgm:pt>
    <dgm:pt modelId="{56DBCC13-4CDF-3B4C-8E18-68E480F0EC68}">
      <dgm:prSet phldrT="[Text]"/>
      <dgm:spPr/>
      <dgm:t>
        <a:bodyPr/>
        <a:lstStyle/>
        <a:p>
          <a:r>
            <a:rPr lang="en-US" dirty="0"/>
            <a:t>Available advance line increases</a:t>
          </a:r>
        </a:p>
      </dgm:t>
    </dgm:pt>
    <dgm:pt modelId="{F638933B-881F-8245-A736-BE381ADCF873}" type="parTrans" cxnId="{1CA6C37F-5B04-CC4B-BF9C-4CFC2EAF6D7A}">
      <dgm:prSet/>
      <dgm:spPr/>
      <dgm:t>
        <a:bodyPr/>
        <a:lstStyle/>
        <a:p>
          <a:endParaRPr lang="en-US"/>
        </a:p>
      </dgm:t>
    </dgm:pt>
    <dgm:pt modelId="{0DEF8352-A6CA-BE45-A67E-D40C32254CC7}" type="sibTrans" cxnId="{1CA6C37F-5B04-CC4B-BF9C-4CFC2EAF6D7A}">
      <dgm:prSet/>
      <dgm:spPr/>
      <dgm:t>
        <a:bodyPr/>
        <a:lstStyle/>
        <a:p>
          <a:endParaRPr lang="en-US"/>
        </a:p>
      </dgm:t>
    </dgm:pt>
    <dgm:pt modelId="{651A2A9B-AA82-3D42-81A1-BD88D543ABF5}" type="pres">
      <dgm:prSet presAssocID="{86333C5C-99A2-DC4A-A57D-699F58B265C8}" presName="cycle" presStyleCnt="0">
        <dgm:presLayoutVars>
          <dgm:dir/>
          <dgm:resizeHandles val="exact"/>
        </dgm:presLayoutVars>
      </dgm:prSet>
      <dgm:spPr/>
    </dgm:pt>
    <dgm:pt modelId="{AE99D9F4-4D01-C84F-8E11-574BFD21609C}" type="pres">
      <dgm:prSet presAssocID="{E0B56003-F5DE-3042-ADC1-253A0A8A3A8A}" presName="node" presStyleLbl="node1" presStyleIdx="0" presStyleCnt="4" custRadScaleRad="103355" custRadScaleInc="-2650">
        <dgm:presLayoutVars>
          <dgm:bulletEnabled val="1"/>
        </dgm:presLayoutVars>
      </dgm:prSet>
      <dgm:spPr/>
    </dgm:pt>
    <dgm:pt modelId="{E57989D5-7B21-934A-A8DC-5F55E19BC329}" type="pres">
      <dgm:prSet presAssocID="{E0B56003-F5DE-3042-ADC1-253A0A8A3A8A}" presName="spNode" presStyleCnt="0"/>
      <dgm:spPr/>
    </dgm:pt>
    <dgm:pt modelId="{9765D642-6401-F342-92F0-9B2555FDDCBB}" type="pres">
      <dgm:prSet presAssocID="{D40E9D71-52CA-3F4C-A40C-29CEA59808FC}" presName="sibTrans" presStyleLbl="sibTrans1D1" presStyleIdx="0" presStyleCnt="4"/>
      <dgm:spPr/>
    </dgm:pt>
    <dgm:pt modelId="{090EF120-414B-7D44-912B-60161A3E1BF7}" type="pres">
      <dgm:prSet presAssocID="{98136CCA-19F5-8545-96E2-CF27EB623118}" presName="node" presStyleLbl="node1" presStyleIdx="1" presStyleCnt="4">
        <dgm:presLayoutVars>
          <dgm:bulletEnabled val="1"/>
        </dgm:presLayoutVars>
      </dgm:prSet>
      <dgm:spPr/>
    </dgm:pt>
    <dgm:pt modelId="{749BF64E-E78C-744A-B419-AC21A272C76F}" type="pres">
      <dgm:prSet presAssocID="{98136CCA-19F5-8545-96E2-CF27EB623118}" presName="spNode" presStyleCnt="0"/>
      <dgm:spPr/>
    </dgm:pt>
    <dgm:pt modelId="{6DA420A8-6890-5E40-9E62-D3C1727D9EB7}" type="pres">
      <dgm:prSet presAssocID="{706C3722-6C86-E448-9A54-8F7800F710FB}" presName="sibTrans" presStyleLbl="sibTrans1D1" presStyleIdx="1" presStyleCnt="4"/>
      <dgm:spPr/>
    </dgm:pt>
    <dgm:pt modelId="{CC70F074-8622-4E4A-AAB4-58B5CC19D0D0}" type="pres">
      <dgm:prSet presAssocID="{60459415-6507-514D-A524-1D8E2F59DC3E}" presName="node" presStyleLbl="node1" presStyleIdx="2" presStyleCnt="4">
        <dgm:presLayoutVars>
          <dgm:bulletEnabled val="1"/>
        </dgm:presLayoutVars>
      </dgm:prSet>
      <dgm:spPr/>
    </dgm:pt>
    <dgm:pt modelId="{4E120E37-D470-484F-AC86-3A97C391AA90}" type="pres">
      <dgm:prSet presAssocID="{60459415-6507-514D-A524-1D8E2F59DC3E}" presName="spNode" presStyleCnt="0"/>
      <dgm:spPr/>
    </dgm:pt>
    <dgm:pt modelId="{9B34B940-8061-3445-897B-81C2B2D7017A}" type="pres">
      <dgm:prSet presAssocID="{98B302E4-173A-8640-AB2C-12D4FC8D3D3F}" presName="sibTrans" presStyleLbl="sibTrans1D1" presStyleIdx="2" presStyleCnt="4"/>
      <dgm:spPr/>
    </dgm:pt>
    <dgm:pt modelId="{70DCE03C-9B24-E14E-8A78-F109CB908881}" type="pres">
      <dgm:prSet presAssocID="{56DBCC13-4CDF-3B4C-8E18-68E480F0EC68}" presName="node" presStyleLbl="node1" presStyleIdx="3" presStyleCnt="4">
        <dgm:presLayoutVars>
          <dgm:bulletEnabled val="1"/>
        </dgm:presLayoutVars>
      </dgm:prSet>
      <dgm:spPr/>
    </dgm:pt>
    <dgm:pt modelId="{D5C6D15F-0D10-6147-88E7-10EDB15544F0}" type="pres">
      <dgm:prSet presAssocID="{56DBCC13-4CDF-3B4C-8E18-68E480F0EC68}" presName="spNode" presStyleCnt="0"/>
      <dgm:spPr/>
    </dgm:pt>
    <dgm:pt modelId="{E191C3C6-36A9-A345-A3EA-B7E637143997}" type="pres">
      <dgm:prSet presAssocID="{0DEF8352-A6CA-BE45-A67E-D40C32254CC7}" presName="sibTrans" presStyleLbl="sibTrans1D1" presStyleIdx="3" presStyleCnt="4"/>
      <dgm:spPr/>
    </dgm:pt>
  </dgm:ptLst>
  <dgm:cxnLst>
    <dgm:cxn modelId="{36DD5227-6EF5-E24D-B465-40236526705E}" srcId="{86333C5C-99A2-DC4A-A57D-699F58B265C8}" destId="{E0B56003-F5DE-3042-ADC1-253A0A8A3A8A}" srcOrd="0" destOrd="0" parTransId="{E8CD6337-37A4-1B4A-9A5D-3E1C2517EACD}" sibTransId="{D40E9D71-52CA-3F4C-A40C-29CEA59808FC}"/>
    <dgm:cxn modelId="{AF99F936-0E33-2A48-9362-675060A74538}" type="presOf" srcId="{E0B56003-F5DE-3042-ADC1-253A0A8A3A8A}" destId="{AE99D9F4-4D01-C84F-8E11-574BFD21609C}" srcOrd="0" destOrd="0" presId="urn:microsoft.com/office/officeart/2005/8/layout/cycle5"/>
    <dgm:cxn modelId="{272A744F-298F-4B49-8596-57E946A91D11}" srcId="{86333C5C-99A2-DC4A-A57D-699F58B265C8}" destId="{98136CCA-19F5-8545-96E2-CF27EB623118}" srcOrd="1" destOrd="0" parTransId="{8243F2C6-7B55-8B43-98C0-EC694E4A456F}" sibTransId="{706C3722-6C86-E448-9A54-8F7800F710FB}"/>
    <dgm:cxn modelId="{1CA6C37F-5B04-CC4B-BF9C-4CFC2EAF6D7A}" srcId="{86333C5C-99A2-DC4A-A57D-699F58B265C8}" destId="{56DBCC13-4CDF-3B4C-8E18-68E480F0EC68}" srcOrd="3" destOrd="0" parTransId="{F638933B-881F-8245-A736-BE381ADCF873}" sibTransId="{0DEF8352-A6CA-BE45-A67E-D40C32254CC7}"/>
    <dgm:cxn modelId="{B9D2EE8D-5934-BC4D-B95A-1668122E92A5}" type="presOf" srcId="{98B302E4-173A-8640-AB2C-12D4FC8D3D3F}" destId="{9B34B940-8061-3445-897B-81C2B2D7017A}" srcOrd="0" destOrd="0" presId="urn:microsoft.com/office/officeart/2005/8/layout/cycle5"/>
    <dgm:cxn modelId="{6023DEB2-6530-6149-A285-2DEDC30F920F}" type="presOf" srcId="{56DBCC13-4CDF-3B4C-8E18-68E480F0EC68}" destId="{70DCE03C-9B24-E14E-8A78-F109CB908881}" srcOrd="0" destOrd="0" presId="urn:microsoft.com/office/officeart/2005/8/layout/cycle5"/>
    <dgm:cxn modelId="{D5C927C2-E1DF-EE47-AE09-50ADCE4801B9}" type="presOf" srcId="{D40E9D71-52CA-3F4C-A40C-29CEA59808FC}" destId="{9765D642-6401-F342-92F0-9B2555FDDCBB}" srcOrd="0" destOrd="0" presId="urn:microsoft.com/office/officeart/2005/8/layout/cycle5"/>
    <dgm:cxn modelId="{27FD5AC4-BFF3-5248-A45D-E0CA32076C1E}" type="presOf" srcId="{86333C5C-99A2-DC4A-A57D-699F58B265C8}" destId="{651A2A9B-AA82-3D42-81A1-BD88D543ABF5}" srcOrd="0" destOrd="0" presId="urn:microsoft.com/office/officeart/2005/8/layout/cycle5"/>
    <dgm:cxn modelId="{A7546BE5-A0F9-764E-A5EE-9C0497B84A5F}" type="presOf" srcId="{0DEF8352-A6CA-BE45-A67E-D40C32254CC7}" destId="{E191C3C6-36A9-A345-A3EA-B7E637143997}" srcOrd="0" destOrd="0" presId="urn:microsoft.com/office/officeart/2005/8/layout/cycle5"/>
    <dgm:cxn modelId="{EA2159EC-5F7E-6245-84D1-7961F5A3CD8C}" type="presOf" srcId="{98136CCA-19F5-8545-96E2-CF27EB623118}" destId="{090EF120-414B-7D44-912B-60161A3E1BF7}" srcOrd="0" destOrd="0" presId="urn:microsoft.com/office/officeart/2005/8/layout/cycle5"/>
    <dgm:cxn modelId="{435BBCF7-0A68-6E4A-AACF-268059834A6A}" type="presOf" srcId="{706C3722-6C86-E448-9A54-8F7800F710FB}" destId="{6DA420A8-6890-5E40-9E62-D3C1727D9EB7}" srcOrd="0" destOrd="0" presId="urn:microsoft.com/office/officeart/2005/8/layout/cycle5"/>
    <dgm:cxn modelId="{57AEB6F8-947C-7F43-A2A7-C320D257F2A4}" srcId="{86333C5C-99A2-DC4A-A57D-699F58B265C8}" destId="{60459415-6507-514D-A524-1D8E2F59DC3E}" srcOrd="2" destOrd="0" parTransId="{22646CF7-B233-AB48-9CC9-2199C2569602}" sibTransId="{98B302E4-173A-8640-AB2C-12D4FC8D3D3F}"/>
    <dgm:cxn modelId="{B47AD4F8-8D86-CB4B-B039-B8D1A04164D2}" type="presOf" srcId="{60459415-6507-514D-A524-1D8E2F59DC3E}" destId="{CC70F074-8622-4E4A-AAB4-58B5CC19D0D0}" srcOrd="0" destOrd="0" presId="urn:microsoft.com/office/officeart/2005/8/layout/cycle5"/>
    <dgm:cxn modelId="{2FF8C1B2-2A5D-5D4E-9019-8287AD3E95C1}" type="presParOf" srcId="{651A2A9B-AA82-3D42-81A1-BD88D543ABF5}" destId="{AE99D9F4-4D01-C84F-8E11-574BFD21609C}" srcOrd="0" destOrd="0" presId="urn:microsoft.com/office/officeart/2005/8/layout/cycle5"/>
    <dgm:cxn modelId="{1C494574-3CE8-834C-851F-AABE48D0723B}" type="presParOf" srcId="{651A2A9B-AA82-3D42-81A1-BD88D543ABF5}" destId="{E57989D5-7B21-934A-A8DC-5F55E19BC329}" srcOrd="1" destOrd="0" presId="urn:microsoft.com/office/officeart/2005/8/layout/cycle5"/>
    <dgm:cxn modelId="{6D3FF38D-ADCC-414E-BA99-83FB2E312333}" type="presParOf" srcId="{651A2A9B-AA82-3D42-81A1-BD88D543ABF5}" destId="{9765D642-6401-F342-92F0-9B2555FDDCBB}" srcOrd="2" destOrd="0" presId="urn:microsoft.com/office/officeart/2005/8/layout/cycle5"/>
    <dgm:cxn modelId="{8ABA66E5-7708-6546-B4E7-6922F5C578E7}" type="presParOf" srcId="{651A2A9B-AA82-3D42-81A1-BD88D543ABF5}" destId="{090EF120-414B-7D44-912B-60161A3E1BF7}" srcOrd="3" destOrd="0" presId="urn:microsoft.com/office/officeart/2005/8/layout/cycle5"/>
    <dgm:cxn modelId="{07825640-2B2E-D34D-B75B-945B23CCA4BC}" type="presParOf" srcId="{651A2A9B-AA82-3D42-81A1-BD88D543ABF5}" destId="{749BF64E-E78C-744A-B419-AC21A272C76F}" srcOrd="4" destOrd="0" presId="urn:microsoft.com/office/officeart/2005/8/layout/cycle5"/>
    <dgm:cxn modelId="{636B5FE1-D0F4-9E43-9927-980DBF319790}" type="presParOf" srcId="{651A2A9B-AA82-3D42-81A1-BD88D543ABF5}" destId="{6DA420A8-6890-5E40-9E62-D3C1727D9EB7}" srcOrd="5" destOrd="0" presId="urn:microsoft.com/office/officeart/2005/8/layout/cycle5"/>
    <dgm:cxn modelId="{90D9C4A6-0207-5A41-A684-C49D4CDC0193}" type="presParOf" srcId="{651A2A9B-AA82-3D42-81A1-BD88D543ABF5}" destId="{CC70F074-8622-4E4A-AAB4-58B5CC19D0D0}" srcOrd="6" destOrd="0" presId="urn:microsoft.com/office/officeart/2005/8/layout/cycle5"/>
    <dgm:cxn modelId="{89779337-4BE0-FC45-BDE6-A87CBDF0380A}" type="presParOf" srcId="{651A2A9B-AA82-3D42-81A1-BD88D543ABF5}" destId="{4E120E37-D470-484F-AC86-3A97C391AA90}" srcOrd="7" destOrd="0" presId="urn:microsoft.com/office/officeart/2005/8/layout/cycle5"/>
    <dgm:cxn modelId="{6F3F4991-3E5B-CE47-A5B7-061D6B330140}" type="presParOf" srcId="{651A2A9B-AA82-3D42-81A1-BD88D543ABF5}" destId="{9B34B940-8061-3445-897B-81C2B2D7017A}" srcOrd="8" destOrd="0" presId="urn:microsoft.com/office/officeart/2005/8/layout/cycle5"/>
    <dgm:cxn modelId="{B9917D16-E568-D94B-8860-2CF99781E50F}" type="presParOf" srcId="{651A2A9B-AA82-3D42-81A1-BD88D543ABF5}" destId="{70DCE03C-9B24-E14E-8A78-F109CB908881}" srcOrd="9" destOrd="0" presId="urn:microsoft.com/office/officeart/2005/8/layout/cycle5"/>
    <dgm:cxn modelId="{F61A59FD-DBC8-0D46-BA8A-8F10A971D9DC}" type="presParOf" srcId="{651A2A9B-AA82-3D42-81A1-BD88D543ABF5}" destId="{D5C6D15F-0D10-6147-88E7-10EDB15544F0}" srcOrd="10" destOrd="0" presId="urn:microsoft.com/office/officeart/2005/8/layout/cycle5"/>
    <dgm:cxn modelId="{661097B8-9136-5E47-A061-436F3A55E233}" type="presParOf" srcId="{651A2A9B-AA82-3D42-81A1-BD88D543ABF5}" destId="{E191C3C6-36A9-A345-A3EA-B7E637143997}" srcOrd="11" destOrd="0" presId="urn:microsoft.com/office/officeart/2005/8/layout/cycle5"/>
  </dgm:cxnLst>
  <dgm:bg/>
  <dgm:whole/>
  <dgm:extLst>
    <a:ext uri="http://schemas.microsoft.com/office/drawing/2008/diagram">
      <dsp:dataModelExt xmlns:dsp="http://schemas.microsoft.com/office/drawing/2008/diagram" relId="rId10"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E99D9F4-4D01-C84F-8E11-574BFD21609C}">
      <dsp:nvSpPr>
        <dsp:cNvPr id="0" name=""/>
        <dsp:cNvSpPr/>
      </dsp:nvSpPr>
      <dsp:spPr>
        <a:xfrm>
          <a:off x="3065801" y="0"/>
          <a:ext cx="1936750" cy="1258887"/>
        </a:xfrm>
        <a:prstGeom prst="roundRect">
          <a:avLst/>
        </a:prstGeom>
        <a:solidFill>
          <a:schemeClr val="accent1">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83820" tIns="83820" rIns="83820" bIns="83820" numCol="1" spcCol="1270" anchor="ctr" anchorCtr="0">
          <a:noAutofit/>
        </a:bodyPr>
        <a:lstStyle/>
        <a:p>
          <a:pPr marL="0" lvl="0" indent="0" algn="ctr" defTabSz="977900">
            <a:lnSpc>
              <a:spcPct val="90000"/>
            </a:lnSpc>
            <a:spcBef>
              <a:spcPct val="0"/>
            </a:spcBef>
            <a:spcAft>
              <a:spcPct val="35000"/>
            </a:spcAft>
            <a:buNone/>
          </a:pPr>
          <a:r>
            <a:rPr lang="en-US" sz="2200" kern="1200" dirty="0"/>
            <a:t>Initial Draw</a:t>
          </a:r>
        </a:p>
      </dsp:txBody>
      <dsp:txXfrm>
        <a:off x="3127255" y="61454"/>
        <a:ext cx="1813842" cy="1135979"/>
      </dsp:txXfrm>
    </dsp:sp>
    <dsp:sp modelId="{9765D642-6401-F342-92F0-9B2555FDDCBB}">
      <dsp:nvSpPr>
        <dsp:cNvPr id="0" name=""/>
        <dsp:cNvSpPr/>
      </dsp:nvSpPr>
      <dsp:spPr>
        <a:xfrm>
          <a:off x="1984153" y="629080"/>
          <a:ext cx="4159314" cy="4159314"/>
        </a:xfrm>
        <a:custGeom>
          <a:avLst/>
          <a:gdLst/>
          <a:ahLst/>
          <a:cxnLst/>
          <a:rect l="0" t="0" r="0" b="0"/>
          <a:pathLst>
            <a:path>
              <a:moveTo>
                <a:pt x="3293459" y="390971"/>
              </a:moveTo>
              <a:arcTo wR="2079657" hR="2079657" stAng="18342482" swAng="1668980"/>
            </a:path>
          </a:pathLst>
        </a:custGeom>
        <a:noFill/>
        <a:ln w="6350" cap="flat" cmpd="sng" algn="ctr">
          <a:solidFill>
            <a:schemeClr val="accent1">
              <a:hueOff val="0"/>
              <a:satOff val="0"/>
              <a:lumOff val="0"/>
              <a:alphaOff val="0"/>
            </a:schemeClr>
          </a:solidFill>
          <a:prstDash val="solid"/>
          <a:miter lim="800000"/>
          <a:tailEnd type="arrow"/>
        </a:ln>
        <a:effectLst/>
      </dsp:spPr>
      <dsp:style>
        <a:lnRef idx="1">
          <a:scrgbClr r="0" g="0" b="0"/>
        </a:lnRef>
        <a:fillRef idx="0">
          <a:scrgbClr r="0" g="0" b="0"/>
        </a:fillRef>
        <a:effectRef idx="0">
          <a:scrgbClr r="0" g="0" b="0"/>
        </a:effectRef>
        <a:fontRef idx="minor"/>
      </dsp:style>
    </dsp:sp>
    <dsp:sp modelId="{090EF120-414B-7D44-912B-60161A3E1BF7}">
      <dsp:nvSpPr>
        <dsp:cNvPr id="0" name=""/>
        <dsp:cNvSpPr/>
      </dsp:nvSpPr>
      <dsp:spPr>
        <a:xfrm>
          <a:off x="5175282" y="2079889"/>
          <a:ext cx="1936750" cy="1258887"/>
        </a:xfrm>
        <a:prstGeom prst="roundRect">
          <a:avLst/>
        </a:prstGeom>
        <a:solidFill>
          <a:schemeClr val="accent1">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83820" tIns="83820" rIns="83820" bIns="83820" numCol="1" spcCol="1270" anchor="ctr" anchorCtr="0">
          <a:noAutofit/>
        </a:bodyPr>
        <a:lstStyle/>
        <a:p>
          <a:pPr marL="0" lvl="0" indent="0" algn="ctr" defTabSz="977900">
            <a:lnSpc>
              <a:spcPct val="90000"/>
            </a:lnSpc>
            <a:spcBef>
              <a:spcPct val="0"/>
            </a:spcBef>
            <a:spcAft>
              <a:spcPct val="35000"/>
            </a:spcAft>
            <a:buNone/>
          </a:pPr>
          <a:r>
            <a:rPr lang="en-US" sz="2200" kern="1200" dirty="0"/>
            <a:t>Weekly repayment debit</a:t>
          </a:r>
        </a:p>
      </dsp:txBody>
      <dsp:txXfrm>
        <a:off x="5236736" y="2141343"/>
        <a:ext cx="1813842" cy="1135979"/>
      </dsp:txXfrm>
    </dsp:sp>
    <dsp:sp modelId="{6DA420A8-6890-5E40-9E62-D3C1727D9EB7}">
      <dsp:nvSpPr>
        <dsp:cNvPr id="0" name=""/>
        <dsp:cNvSpPr/>
      </dsp:nvSpPr>
      <dsp:spPr>
        <a:xfrm>
          <a:off x="1984342" y="629676"/>
          <a:ext cx="4159314" cy="4159314"/>
        </a:xfrm>
        <a:custGeom>
          <a:avLst/>
          <a:gdLst/>
          <a:ahLst/>
          <a:cxnLst/>
          <a:rect l="0" t="0" r="0" b="0"/>
          <a:pathLst>
            <a:path>
              <a:moveTo>
                <a:pt x="3943720" y="3001743"/>
              </a:moveTo>
              <a:arcTo wR="2079657" hR="2079657" stAng="1579199" swAng="1633569"/>
            </a:path>
          </a:pathLst>
        </a:custGeom>
        <a:noFill/>
        <a:ln w="6350" cap="flat" cmpd="sng" algn="ctr">
          <a:solidFill>
            <a:schemeClr val="accent1">
              <a:hueOff val="0"/>
              <a:satOff val="0"/>
              <a:lumOff val="0"/>
              <a:alphaOff val="0"/>
            </a:schemeClr>
          </a:solidFill>
          <a:prstDash val="solid"/>
          <a:miter lim="800000"/>
          <a:tailEnd type="arrow"/>
        </a:ln>
        <a:effectLst/>
      </dsp:spPr>
      <dsp:style>
        <a:lnRef idx="1">
          <a:scrgbClr r="0" g="0" b="0"/>
        </a:lnRef>
        <a:fillRef idx="0">
          <a:scrgbClr r="0" g="0" b="0"/>
        </a:fillRef>
        <a:effectRef idx="0">
          <a:scrgbClr r="0" g="0" b="0"/>
        </a:effectRef>
        <a:fontRef idx="minor"/>
      </dsp:style>
    </dsp:sp>
    <dsp:sp modelId="{CC70F074-8622-4E4A-AAB4-58B5CC19D0D0}">
      <dsp:nvSpPr>
        <dsp:cNvPr id="0" name=""/>
        <dsp:cNvSpPr/>
      </dsp:nvSpPr>
      <dsp:spPr>
        <a:xfrm>
          <a:off x="3095625" y="4159546"/>
          <a:ext cx="1936750" cy="1258887"/>
        </a:xfrm>
        <a:prstGeom prst="roundRect">
          <a:avLst/>
        </a:prstGeom>
        <a:solidFill>
          <a:schemeClr val="accent1">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83820" tIns="83820" rIns="83820" bIns="83820" numCol="1" spcCol="1270" anchor="ctr" anchorCtr="0">
          <a:noAutofit/>
        </a:bodyPr>
        <a:lstStyle/>
        <a:p>
          <a:pPr marL="0" lvl="0" indent="0" algn="ctr" defTabSz="977900">
            <a:lnSpc>
              <a:spcPct val="90000"/>
            </a:lnSpc>
            <a:spcBef>
              <a:spcPct val="0"/>
            </a:spcBef>
            <a:spcAft>
              <a:spcPct val="35000"/>
            </a:spcAft>
            <a:buNone/>
          </a:pPr>
          <a:r>
            <a:rPr lang="en-US" sz="2200" kern="1200" dirty="0"/>
            <a:t>Repayment of draw in full</a:t>
          </a:r>
        </a:p>
      </dsp:txBody>
      <dsp:txXfrm>
        <a:off x="3157079" y="4221000"/>
        <a:ext cx="1813842" cy="1135979"/>
      </dsp:txXfrm>
    </dsp:sp>
    <dsp:sp modelId="{9B34B940-8061-3445-897B-81C2B2D7017A}">
      <dsp:nvSpPr>
        <dsp:cNvPr id="0" name=""/>
        <dsp:cNvSpPr/>
      </dsp:nvSpPr>
      <dsp:spPr>
        <a:xfrm>
          <a:off x="1984342" y="629676"/>
          <a:ext cx="4159314" cy="4159314"/>
        </a:xfrm>
        <a:custGeom>
          <a:avLst/>
          <a:gdLst/>
          <a:ahLst/>
          <a:cxnLst/>
          <a:rect l="0" t="0" r="0" b="0"/>
          <a:pathLst>
            <a:path>
              <a:moveTo>
                <a:pt x="843976" y="3752399"/>
              </a:moveTo>
              <a:arcTo wR="2079657" hR="2079657" stAng="7587232" swAng="1633569"/>
            </a:path>
          </a:pathLst>
        </a:custGeom>
        <a:noFill/>
        <a:ln w="6350" cap="flat" cmpd="sng" algn="ctr">
          <a:solidFill>
            <a:schemeClr val="accent1">
              <a:hueOff val="0"/>
              <a:satOff val="0"/>
              <a:lumOff val="0"/>
              <a:alphaOff val="0"/>
            </a:schemeClr>
          </a:solidFill>
          <a:prstDash val="solid"/>
          <a:miter lim="800000"/>
          <a:tailEnd type="arrow"/>
        </a:ln>
        <a:effectLst/>
      </dsp:spPr>
      <dsp:style>
        <a:lnRef idx="1">
          <a:scrgbClr r="0" g="0" b="0"/>
        </a:lnRef>
        <a:fillRef idx="0">
          <a:scrgbClr r="0" g="0" b="0"/>
        </a:fillRef>
        <a:effectRef idx="0">
          <a:scrgbClr r="0" g="0" b="0"/>
        </a:effectRef>
        <a:fontRef idx="minor"/>
      </dsp:style>
    </dsp:sp>
    <dsp:sp modelId="{70DCE03C-9B24-E14E-8A78-F109CB908881}">
      <dsp:nvSpPr>
        <dsp:cNvPr id="0" name=""/>
        <dsp:cNvSpPr/>
      </dsp:nvSpPr>
      <dsp:spPr>
        <a:xfrm>
          <a:off x="1015967" y="2079889"/>
          <a:ext cx="1936750" cy="1258887"/>
        </a:xfrm>
        <a:prstGeom prst="roundRect">
          <a:avLst/>
        </a:prstGeom>
        <a:solidFill>
          <a:schemeClr val="accent1">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83820" tIns="83820" rIns="83820" bIns="83820" numCol="1" spcCol="1270" anchor="ctr" anchorCtr="0">
          <a:noAutofit/>
        </a:bodyPr>
        <a:lstStyle/>
        <a:p>
          <a:pPr marL="0" lvl="0" indent="0" algn="ctr" defTabSz="977900">
            <a:lnSpc>
              <a:spcPct val="90000"/>
            </a:lnSpc>
            <a:spcBef>
              <a:spcPct val="0"/>
            </a:spcBef>
            <a:spcAft>
              <a:spcPct val="35000"/>
            </a:spcAft>
            <a:buNone/>
          </a:pPr>
          <a:r>
            <a:rPr lang="en-US" sz="2200" kern="1200" dirty="0"/>
            <a:t>Available advance line increases</a:t>
          </a:r>
        </a:p>
      </dsp:txBody>
      <dsp:txXfrm>
        <a:off x="1077421" y="2141343"/>
        <a:ext cx="1813842" cy="1135979"/>
      </dsp:txXfrm>
    </dsp:sp>
    <dsp:sp modelId="{E191C3C6-36A9-A345-A3EA-B7E637143997}">
      <dsp:nvSpPr>
        <dsp:cNvPr id="0" name=""/>
        <dsp:cNvSpPr/>
      </dsp:nvSpPr>
      <dsp:spPr>
        <a:xfrm>
          <a:off x="1984538" y="629060"/>
          <a:ext cx="4159314" cy="4159314"/>
        </a:xfrm>
        <a:custGeom>
          <a:avLst/>
          <a:gdLst/>
          <a:ahLst/>
          <a:cxnLst/>
          <a:rect l="0" t="0" r="0" b="0"/>
          <a:pathLst>
            <a:path>
              <a:moveTo>
                <a:pt x="212571" y="1163706"/>
              </a:moveTo>
              <a:arcTo wR="2079657" hR="2079657" stAng="12367892" swAng="1598798"/>
            </a:path>
          </a:pathLst>
        </a:custGeom>
        <a:noFill/>
        <a:ln w="6350" cap="flat" cmpd="sng" algn="ctr">
          <a:solidFill>
            <a:schemeClr val="accent1">
              <a:hueOff val="0"/>
              <a:satOff val="0"/>
              <a:lumOff val="0"/>
              <a:alphaOff val="0"/>
            </a:schemeClr>
          </a:solidFill>
          <a:prstDash val="solid"/>
          <a:miter lim="800000"/>
          <a:tailEnd type="arrow"/>
        </a:ln>
        <a:effectLst/>
      </dsp:spPr>
      <dsp:style>
        <a:lnRef idx="1">
          <a:scrgbClr r="0" g="0" b="0"/>
        </a:lnRef>
        <a:fillRef idx="0">
          <a:scrgbClr r="0" g="0" b="0"/>
        </a:fillRef>
        <a:effectRef idx="0">
          <a:scrgbClr r="0" g="0" b="0"/>
        </a:effectRef>
        <a:fontRef idx="minor"/>
      </dsp:style>
    </dsp:sp>
  </dsp:spTree>
</dsp:drawing>
</file>

<file path=ppt/diagrams/layout1.xml><?xml version="1.0" encoding="utf-8"?>
<dgm:layoutDef xmlns:dgm="http://schemas.openxmlformats.org/drawingml/2006/diagram" xmlns:a="http://schemas.openxmlformats.org/drawingml/2006/main" uniqueId="urn:microsoft.com/office/officeart/2005/8/layout/cycle5">
  <dgm:title val=""/>
  <dgm:desc val=""/>
  <dgm:catLst>
    <dgm:cat type="cycle" pri="30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 modelId="3"/>
      </dgm:ptLst>
      <dgm:cxnLst>
        <dgm:cxn modelId="4" srcId="0" destId="1" srcOrd="0" destOrd="0"/>
        <dgm:cxn modelId="5" srcId="0" destId="2" srcOrd="1" destOrd="0"/>
        <dgm:cxn modelId="6" srcId="0" destId="3" srcOrd="2"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cycle">
    <dgm:varLst>
      <dgm:dir/>
      <dgm:resizeHandles val="exact"/>
    </dgm:varLst>
    <dgm:choose name="Name0">
      <dgm:if name="Name1" func="var" arg="dir" op="equ" val="norm">
        <dgm:choose name="Name2">
          <dgm:if name="Name3" axis="ch" ptType="node" func="cnt" op="gt" val="2">
            <dgm:alg type="cycle">
              <dgm:param type="stAng" val="0"/>
              <dgm:param type="spanAng" val="360"/>
            </dgm:alg>
          </dgm:if>
          <dgm:else name="Name4">
            <dgm:alg type="cycle">
              <dgm:param type="stAng" val="-90"/>
              <dgm:param type="spanAng" val="360"/>
            </dgm:alg>
          </dgm:else>
        </dgm:choose>
      </dgm:if>
      <dgm:else name="Name5">
        <dgm:choose name="Name6">
          <dgm:if name="Name7" axis="ch" ptType="node" func="cnt" op="gt" val="2">
            <dgm:alg type="cycle">
              <dgm:param type="stAng" val="0"/>
              <dgm:param type="spanAng" val="-360"/>
            </dgm:alg>
          </dgm:if>
          <dgm:else name="Name8">
            <dgm:alg type="cycle">
              <dgm:param type="stAng" val="90"/>
              <dgm:param type="spanAng" val="-360"/>
            </dgm:alg>
          </dgm:else>
        </dgm:choose>
      </dgm:else>
    </dgm:choose>
    <dgm:shape xmlns:r="http://schemas.openxmlformats.org/officeDocument/2006/relationships" r:blip="">
      <dgm:adjLst/>
    </dgm:shape>
    <dgm:presOf/>
    <dgm:choose name="Name9">
      <dgm:if name="Name10" func="var" arg="dir" op="equ" val="norm">
        <dgm:constrLst>
          <dgm:constr type="w" for="ch" forName="node" refType="w"/>
          <dgm:constr type="w" for="ch" ptType="sibTrans" refType="w" refFor="ch" refForName="node" op="equ" fact="0.3"/>
          <dgm:constr type="diam" for="ch" ptType="sibTrans" refType="diam" op="equ"/>
          <dgm:constr type="sibSp" refType="w" refFor="ch" refForName="node" op="equ" fact="0.15"/>
          <dgm:constr type="w" for="ch" forName="spNode" refType="sibSp" fact="1.6"/>
          <dgm:constr type="primFontSz" for="ch" forName="node" op="equ" val="65"/>
        </dgm:constrLst>
      </dgm:if>
      <dgm:else name="Name11">
        <dgm:constrLst>
          <dgm:constr type="w" for="ch" forName="node" refType="w"/>
          <dgm:constr type="w" for="ch" ptType="sibTrans" refType="w" refFor="ch" refForName="node" op="equ" fact="0.3"/>
          <dgm:constr type="diam" for="ch" ptType="sibTrans" refType="diam" fact="-1"/>
          <dgm:constr type="diam" for="ch" refType="diam" op="equ" fact="-1"/>
          <dgm:constr type="sibSp" refType="w" refFor="ch" refForName="node" op="equ" fact="0.15"/>
          <dgm:constr type="w" for="ch" forName="spNode" refType="sibSp" fact="1.6"/>
          <dgm:constr type="primFontSz" for="ch" forName="node" op="equ" val="65"/>
        </dgm:constrLst>
      </dgm:else>
    </dgm:choose>
    <dgm:ruleLst/>
    <dgm:forEach name="Name12" axis="ch" ptType="node">
      <dgm:layoutNode name="node">
        <dgm:varLst>
          <dgm:bulletEnabled val="1"/>
        </dgm:varLst>
        <dgm:alg type="tx"/>
        <dgm:shape xmlns:r="http://schemas.openxmlformats.org/officeDocument/2006/relationships" type="roundRect" r:blip="">
          <dgm:adjLst/>
        </dgm:shape>
        <dgm:presOf axis="desOrSelf" ptType="node"/>
        <dgm:constrLst>
          <dgm:constr type="h" refType="w" fact="0.65"/>
          <dgm:constr type="tMarg" refType="primFontSz" fact="0.3"/>
          <dgm:constr type="bMarg" refType="primFontSz" fact="0.3"/>
          <dgm:constr type="lMarg" refType="primFontSz" fact="0.3"/>
          <dgm:constr type="rMarg" refType="primFontSz" fact="0.3"/>
        </dgm:constrLst>
        <dgm:ruleLst>
          <dgm:rule type="primFontSz" val="5" fact="NaN" max="NaN"/>
        </dgm:ruleLst>
      </dgm:layoutNode>
      <dgm:choose name="Name13">
        <dgm:if name="Name14" axis="par ch" ptType="doc node" func="cnt" op="gt" val="1">
          <dgm:layoutNode name="spNode">
            <dgm:alg type="sp"/>
            <dgm:shape xmlns:r="http://schemas.openxmlformats.org/officeDocument/2006/relationships" r:blip="">
              <dgm:adjLst/>
            </dgm:shape>
            <dgm:presOf/>
            <dgm:constrLst>
              <dgm:constr type="h" refType="w"/>
            </dgm:constrLst>
            <dgm:ruleLst/>
          </dgm:layoutNode>
          <dgm:forEach name="Name15" axis="followSib" ptType="sibTrans" hideLastTrans="0" cnt="1">
            <dgm:layoutNode name="sibTrans">
              <dgm:alg type="conn">
                <dgm:param type="dim" val="1D"/>
                <dgm:param type="connRout" val="curve"/>
                <dgm:param type="begPts" val="radial"/>
                <dgm:param type="endPts" val="radial"/>
              </dgm:alg>
              <dgm:shape xmlns:r="http://schemas.openxmlformats.org/officeDocument/2006/relationships" type="conn" r:blip="">
                <dgm:adjLst/>
              </dgm:shape>
              <dgm:presOf axis="self"/>
              <dgm:constrLst>
                <dgm:constr type="h" refType="w" fact="0.65"/>
                <dgm:constr type="connDist"/>
                <dgm:constr type="begPad" refType="connDist" fact="0.2"/>
                <dgm:constr type="endPad" refType="connDist" fact="0.2"/>
              </dgm:constrLst>
              <dgm:ruleLst/>
            </dgm:layoutNode>
          </dgm:forEach>
        </dgm:if>
        <dgm:else name="Name16"/>
      </dgm:choose>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D5E1F3E-503B-A340-AA27-7E4F5B86CA8D}" type="datetimeFigureOut">
              <a:rPr lang="en-US" smtClean="0"/>
              <a:t>10/8/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AA28A9B0-9D25-9847-A17C-6ACEECA171F6}" type="slidenum">
              <a:rPr lang="en-US" smtClean="0"/>
              <a:t>‹#›</a:t>
            </a:fld>
            <a:endParaRPr lang="en-US"/>
          </a:p>
        </p:txBody>
      </p:sp>
    </p:spTree>
    <p:extLst>
      <p:ext uri="{BB962C8B-B14F-4D97-AF65-F5344CB8AC3E}">
        <p14:creationId xmlns:p14="http://schemas.microsoft.com/office/powerpoint/2010/main" val="3770704062"/>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endParaRPr lang="ru-RU"/>
          </a:p>
        </p:txBody>
      </p:sp>
      <p:sp>
        <p:nvSpPr>
          <p:cNvPr id="4" name="Номер слайда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63B6776-2CAA-4D1C-9A32-EEA72A1AD2A5}" type="slidenum">
              <a:rPr kumimoji="0" lang="ru-RU"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a:t>
            </a:fld>
            <a:endParaRPr kumimoji="0" lang="ru-RU"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7922754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B7AB517-81F7-4B93-8F8A-62CC5C9892C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C5BE45C-935F-7E96-5DAF-033D80E701C2}"/>
              </a:ext>
            </a:extLst>
          </p:cNvPr>
          <p:cNvSpPr>
            <a:spLocks noGrp="1" noRot="1" noChangeAspect="1"/>
          </p:cNvSpPr>
          <p:nvPr>
            <p:ph type="sldImg"/>
          </p:nvPr>
        </p:nvSpPr>
        <p:spPr>
          <a:xfrm>
            <a:off x="685800" y="1143000"/>
            <a:ext cx="5486400" cy="3086100"/>
          </a:xfrm>
        </p:spPr>
      </p:sp>
      <p:sp>
        <p:nvSpPr>
          <p:cNvPr id="3" name="Notes Placeholder 2">
            <a:extLst>
              <a:ext uri="{FF2B5EF4-FFF2-40B4-BE49-F238E27FC236}">
                <a16:creationId xmlns:a16="http://schemas.microsoft.com/office/drawing/2014/main" id="{BEAFF9E5-EF86-F307-94C5-3B57B904EF61}"/>
              </a:ext>
            </a:extLst>
          </p:cNvPr>
          <p:cNvSpPr>
            <a:spLocks noGrp="1"/>
          </p:cNvSpPr>
          <p:nvPr>
            <p:ph type="body" idx="1"/>
          </p:nvPr>
        </p:nvSpPr>
        <p:spPr/>
        <p:txBody>
          <a:bodyPr/>
          <a:lstStyle/>
          <a:p>
            <a:r>
              <a:rPr lang="en-US" dirty="0"/>
              <a:t>You can identify opportunities, passively, by looking at account transactions. And your customers don’t even have to be physically present to see these opportunities. </a:t>
            </a:r>
          </a:p>
          <a:p>
            <a:r>
              <a:rPr lang="en-US" dirty="0"/>
              <a:t>There are several hundred customers within a typical bank that use third party payment apps to get paid, which makes a perfect opportunity to make them aware of our new solution!</a:t>
            </a:r>
          </a:p>
          <a:p>
            <a:endParaRPr lang="en-US" dirty="0"/>
          </a:p>
          <a:p>
            <a:r>
              <a:rPr lang="en-US" dirty="0"/>
              <a:t>Does your customer receive regular deposits from Square, Venmo, PayPal, Stripe, </a:t>
            </a:r>
            <a:r>
              <a:rPr lang="en-US" dirty="0" err="1"/>
              <a:t>etc</a:t>
            </a:r>
            <a:r>
              <a:rPr lang="en-US" dirty="0"/>
              <a:t>? This new solution offers the same features as these payment apps, but with the added benefit of being a part of their bank account. </a:t>
            </a:r>
          </a:p>
          <a:p>
            <a:endParaRPr lang="en-US" dirty="0"/>
          </a:p>
          <a:p>
            <a:pPr marL="171450" indent="-171450">
              <a:buFont typeface="Arial" panose="020B0604020202020204" pitchFamily="34" charset="0"/>
              <a:buChar char="•"/>
            </a:pPr>
            <a:r>
              <a:rPr lang="en-US" dirty="0"/>
              <a:t>No juggling multiple applications and multiple login credentials to different apps and websites. </a:t>
            </a:r>
          </a:p>
          <a:p>
            <a:pPr marL="171450" indent="-171450">
              <a:buFont typeface="Arial" panose="020B0604020202020204" pitchFamily="34" charset="0"/>
              <a:buChar char="•"/>
            </a:pPr>
            <a:r>
              <a:rPr lang="en-US" dirty="0"/>
              <a:t>Payments go right to the customer’s bank account instead of being held in a third-party virtual wallet.</a:t>
            </a:r>
          </a:p>
          <a:p>
            <a:pPr marL="171450" indent="-171450">
              <a:buFont typeface="Arial" panose="020B0604020202020204" pitchFamily="34" charset="0"/>
              <a:buChar char="•"/>
            </a:pPr>
            <a:r>
              <a:rPr lang="en-US" dirty="0"/>
              <a:t>No more manually matching deposits to outstanding invoices </a:t>
            </a:r>
          </a:p>
          <a:p>
            <a:r>
              <a:rPr lang="en-US" dirty="0"/>
              <a:t>-----------------------------------------------------------------------------------</a:t>
            </a:r>
          </a:p>
          <a:p>
            <a:r>
              <a:rPr lang="en-US" dirty="0"/>
              <a:t>Another way that you can identify customers is to think about the services they would benefit from. </a:t>
            </a:r>
          </a:p>
          <a:p>
            <a:r>
              <a:rPr lang="en-US" dirty="0"/>
              <a:t>Again, this does not have to be done “in-person” but it can serve as a middle ground between in-person conversations and passively thinking of customer opportunities.</a:t>
            </a:r>
          </a:p>
          <a:p>
            <a:r>
              <a:rPr lang="en-US" dirty="0"/>
              <a:t>If your customer needs (CLICK FOR ANIMATION, READ BULLETS AS THEY APPEAR).</a:t>
            </a:r>
          </a:p>
          <a:p>
            <a:endParaRPr lang="en-US" dirty="0"/>
          </a:p>
          <a:p>
            <a:r>
              <a:rPr lang="en-US" dirty="0"/>
              <a:t>Some business type examples include (CLICK FOR ANIMATION, READ BULLETS AS THEY APPEAR).</a:t>
            </a:r>
          </a:p>
          <a:p>
            <a:endParaRPr lang="en-US" dirty="0"/>
          </a:p>
          <a:p>
            <a:r>
              <a:rPr lang="en-US" dirty="0"/>
              <a:t>If your customer has a business like these, or needs these services, it’s great to be proactive in conversations with them and moving them towards enrollment.</a:t>
            </a:r>
          </a:p>
          <a:p>
            <a:r>
              <a:rPr lang="en-US" dirty="0"/>
              <a:t>-----------------------------------------------------------------------------------</a:t>
            </a:r>
          </a:p>
          <a:p>
            <a:r>
              <a:rPr lang="en-US" dirty="0"/>
              <a:t>Here are some circumstances you can listen for when talking to your customer that indicate Autobooks may be a good fit for them:</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228600" indent="-228600">
              <a:buAutoNum type="arabicParenR"/>
            </a:pPr>
            <a:r>
              <a:rPr lang="en-US" dirty="0"/>
              <a:t>Chaos: do you know a customer that is struggling to keep up with managing their business? Maybe they’re falling behind on collecting overdue payments from customers, or maybe they’re spending hours and hours manually tracking payments and creating invoices. Autobooks technology automates many manual tracking steps for a business.</a:t>
            </a:r>
            <a:br>
              <a:rPr lang="en-US" dirty="0"/>
            </a:br>
            <a:endParaRPr lang="en-US" dirty="0"/>
          </a:p>
          <a:p>
            <a:pPr marL="228600" marR="0" lvl="0" indent="-228600" algn="l" defTabSz="914400" rtl="0" eaLnBrk="1" fontAlgn="auto" latinLnBrk="0" hangingPunct="1">
              <a:lnSpc>
                <a:spcPct val="100000"/>
              </a:lnSpc>
              <a:spcBef>
                <a:spcPts val="0"/>
              </a:spcBef>
              <a:spcAft>
                <a:spcPts val="0"/>
              </a:spcAft>
              <a:buClrTx/>
              <a:buSzTx/>
              <a:buFontTx/>
              <a:buAutoNum type="arabicParenR"/>
              <a:tabLst/>
              <a:defRPr/>
            </a:pPr>
            <a:r>
              <a:rPr lang="en-US" dirty="0"/>
              <a:t>Trust: Some customers have tried other third-party payment apps and have had a negative experience. Bad customer support, tech issues, or just too difficult to use.  Autobooks appeals to customers that have been burned in the past since the solution is baked right into their bank account. Customers know they can trust the services you provide, and they love your customer service. Plus, you’ve got the Autobooks team providing great customer service too!</a:t>
            </a:r>
            <a:br>
              <a:rPr lang="en-US" dirty="0"/>
            </a:br>
            <a:endParaRPr lang="en-US" dirty="0"/>
          </a:p>
          <a:p>
            <a:pPr marL="228600" indent="-228600">
              <a:buAutoNum type="arabicParenR"/>
            </a:pPr>
            <a:r>
              <a:rPr lang="en-US" dirty="0"/>
              <a:t>New Beginnings: It’s a great time to discuss Autobooks when you open new customer accounts! The solution is easy to use, and easy to get started…and priced right for new business owners.</a:t>
            </a:r>
          </a:p>
          <a:p>
            <a:endParaRPr lang="en-US" dirty="0"/>
          </a:p>
        </p:txBody>
      </p:sp>
      <p:sp>
        <p:nvSpPr>
          <p:cNvPr id="4" name="Slide Number Placeholder 3">
            <a:extLst>
              <a:ext uri="{FF2B5EF4-FFF2-40B4-BE49-F238E27FC236}">
                <a16:creationId xmlns:a16="http://schemas.microsoft.com/office/drawing/2014/main" id="{C27A2503-737C-B374-C304-87DF274BC70A}"/>
              </a:ext>
            </a:extLst>
          </p:cNvPr>
          <p:cNvSpPr>
            <a:spLocks noGrp="1"/>
          </p:cNvSpPr>
          <p:nvPr>
            <p:ph type="sldNum" sz="quarter" idx="10"/>
          </p:nvPr>
        </p:nvSpPr>
        <p:spPr/>
        <p:txBody>
          <a:bodyPr/>
          <a:lstStyle/>
          <a:p>
            <a:fld id="{A8DA0297-835B-4005-A73E-7D056FBE2D9A}" type="slidenum">
              <a:rPr lang="ru-RU" smtClean="0"/>
              <a:t>14</a:t>
            </a:fld>
            <a:endParaRPr lang="ru-RU"/>
          </a:p>
        </p:txBody>
      </p:sp>
    </p:spTree>
    <p:extLst>
      <p:ext uri="{BB962C8B-B14F-4D97-AF65-F5344CB8AC3E}">
        <p14:creationId xmlns:p14="http://schemas.microsoft.com/office/powerpoint/2010/main" val="76230612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08258D8-0B81-2EF4-8751-1A4D99050D5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EBC4105-065F-9B95-B4EC-27F5FEE82D2E}"/>
              </a:ext>
            </a:extLst>
          </p:cNvPr>
          <p:cNvSpPr>
            <a:spLocks noGrp="1" noRot="1" noChangeAspect="1"/>
          </p:cNvSpPr>
          <p:nvPr>
            <p:ph type="sldImg"/>
          </p:nvPr>
        </p:nvSpPr>
        <p:spPr>
          <a:xfrm>
            <a:off x="685800" y="1143000"/>
            <a:ext cx="5486400" cy="3086100"/>
          </a:xfrm>
        </p:spPr>
      </p:sp>
      <p:sp>
        <p:nvSpPr>
          <p:cNvPr id="3" name="Notes Placeholder 2">
            <a:extLst>
              <a:ext uri="{FF2B5EF4-FFF2-40B4-BE49-F238E27FC236}">
                <a16:creationId xmlns:a16="http://schemas.microsoft.com/office/drawing/2014/main" id="{1B2839A0-C6E0-3BC0-E2A5-5B27B6C58B06}"/>
              </a:ext>
            </a:extLst>
          </p:cNvPr>
          <p:cNvSpPr>
            <a:spLocks noGrp="1"/>
          </p:cNvSpPr>
          <p:nvPr>
            <p:ph type="body" idx="1"/>
          </p:nvPr>
        </p:nvSpPr>
        <p:spPr/>
        <p:txBody>
          <a:bodyPr/>
          <a:lstStyle/>
          <a:p>
            <a:r>
              <a:rPr lang="en-US" dirty="0"/>
              <a:t>You can identify opportunities, passively, by looking at account transactions. And your customers don’t even have to be physically present to see these opportunities. </a:t>
            </a:r>
          </a:p>
          <a:p>
            <a:r>
              <a:rPr lang="en-US" dirty="0"/>
              <a:t>There are several hundred customers within a typical bank that use third party payment apps to get paid, which makes a perfect opportunity to make them aware of our new solution!</a:t>
            </a:r>
          </a:p>
          <a:p>
            <a:endParaRPr lang="en-US" dirty="0"/>
          </a:p>
          <a:p>
            <a:r>
              <a:rPr lang="en-US" dirty="0"/>
              <a:t>Does your customer receive regular deposits from Square, Venmo, PayPal, Stripe, </a:t>
            </a:r>
            <a:r>
              <a:rPr lang="en-US" dirty="0" err="1"/>
              <a:t>etc</a:t>
            </a:r>
            <a:r>
              <a:rPr lang="en-US" dirty="0"/>
              <a:t>? This new solution offers the same features as these payment apps, but with the added benefit of being a part of their bank account. </a:t>
            </a:r>
          </a:p>
          <a:p>
            <a:endParaRPr lang="en-US" dirty="0"/>
          </a:p>
          <a:p>
            <a:pPr marL="171450" indent="-171450">
              <a:buFont typeface="Arial" panose="020B0604020202020204" pitchFamily="34" charset="0"/>
              <a:buChar char="•"/>
            </a:pPr>
            <a:r>
              <a:rPr lang="en-US" dirty="0"/>
              <a:t>No juggling multiple applications and multiple login credentials to different apps and websites. </a:t>
            </a:r>
          </a:p>
          <a:p>
            <a:pPr marL="171450" indent="-171450">
              <a:buFont typeface="Arial" panose="020B0604020202020204" pitchFamily="34" charset="0"/>
              <a:buChar char="•"/>
            </a:pPr>
            <a:r>
              <a:rPr lang="en-US" dirty="0"/>
              <a:t>Payments go right to the customer’s bank account instead of being held in a third-party virtual wallet.</a:t>
            </a:r>
          </a:p>
          <a:p>
            <a:pPr marL="171450" indent="-171450">
              <a:buFont typeface="Arial" panose="020B0604020202020204" pitchFamily="34" charset="0"/>
              <a:buChar char="•"/>
            </a:pPr>
            <a:r>
              <a:rPr lang="en-US" dirty="0"/>
              <a:t>No more manually matching deposits to outstanding invoices </a:t>
            </a:r>
          </a:p>
          <a:p>
            <a:r>
              <a:rPr lang="en-US" dirty="0"/>
              <a:t>-----------------------------------------------------------------------------------</a:t>
            </a:r>
          </a:p>
          <a:p>
            <a:r>
              <a:rPr lang="en-US" dirty="0"/>
              <a:t>Another way that you can identify customers is to think about the services they would benefit from. </a:t>
            </a:r>
          </a:p>
          <a:p>
            <a:r>
              <a:rPr lang="en-US" dirty="0"/>
              <a:t>Again, this does not have to be done “in-person” but it can serve as a middle ground between in-person conversations and passively thinking of customer opportunities.</a:t>
            </a:r>
          </a:p>
          <a:p>
            <a:r>
              <a:rPr lang="en-US" dirty="0"/>
              <a:t>If your customer needs (CLICK FOR ANIMATION, READ BULLETS AS THEY APPEAR).</a:t>
            </a:r>
          </a:p>
          <a:p>
            <a:endParaRPr lang="en-US" dirty="0"/>
          </a:p>
          <a:p>
            <a:r>
              <a:rPr lang="en-US" dirty="0"/>
              <a:t>Some business type examples include (CLICK FOR ANIMATION, READ BULLETS AS THEY APPEAR).</a:t>
            </a:r>
          </a:p>
          <a:p>
            <a:endParaRPr lang="en-US" dirty="0"/>
          </a:p>
          <a:p>
            <a:r>
              <a:rPr lang="en-US" dirty="0"/>
              <a:t>If your customer has a business like these, or needs these services, it’s great to be proactive in conversations with them and moving them towards enrollment.</a:t>
            </a:r>
          </a:p>
          <a:p>
            <a:r>
              <a:rPr lang="en-US" dirty="0"/>
              <a:t>-----------------------------------------------------------------------------------</a:t>
            </a:r>
          </a:p>
          <a:p>
            <a:r>
              <a:rPr lang="en-US" dirty="0"/>
              <a:t>Here are some circumstances you can listen for when talking to your customer that indicate Autobooks may be a good fit for them:</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228600" indent="-228600">
              <a:buAutoNum type="arabicParenR"/>
            </a:pPr>
            <a:r>
              <a:rPr lang="en-US" dirty="0"/>
              <a:t>Chaos: do you know a customer that is struggling to keep up with managing their business? Maybe they’re falling behind on collecting overdue payments from customers, or maybe they’re spending hours and hours manually tracking payments and creating invoices. Autobooks technology automates many manual tracking steps for a business.</a:t>
            </a:r>
            <a:br>
              <a:rPr lang="en-US" dirty="0"/>
            </a:br>
            <a:endParaRPr lang="en-US" dirty="0"/>
          </a:p>
          <a:p>
            <a:pPr marL="228600" marR="0" lvl="0" indent="-228600" algn="l" defTabSz="914400" rtl="0" eaLnBrk="1" fontAlgn="auto" latinLnBrk="0" hangingPunct="1">
              <a:lnSpc>
                <a:spcPct val="100000"/>
              </a:lnSpc>
              <a:spcBef>
                <a:spcPts val="0"/>
              </a:spcBef>
              <a:spcAft>
                <a:spcPts val="0"/>
              </a:spcAft>
              <a:buClrTx/>
              <a:buSzTx/>
              <a:buFontTx/>
              <a:buAutoNum type="arabicParenR"/>
              <a:tabLst/>
              <a:defRPr/>
            </a:pPr>
            <a:r>
              <a:rPr lang="en-US" dirty="0"/>
              <a:t>Trust: Some customers have tried other third-party payment apps and have had a negative experience. Bad customer support, tech issues, or just too difficult to use.  Autobooks appeals to customers that have been burned in the past since the solution is baked right into their bank account. Customers know they can trust the services you provide, and they love your customer service. Plus, you’ve got the Autobooks team providing great customer service too!</a:t>
            </a:r>
            <a:br>
              <a:rPr lang="en-US" dirty="0"/>
            </a:br>
            <a:endParaRPr lang="en-US" dirty="0"/>
          </a:p>
          <a:p>
            <a:pPr marL="228600" indent="-228600">
              <a:buAutoNum type="arabicParenR"/>
            </a:pPr>
            <a:r>
              <a:rPr lang="en-US" dirty="0"/>
              <a:t>New Beginnings: It’s a great time to discuss Autobooks when you open new customer accounts! The solution is easy to use, and easy to get started…and priced right for new business owners.</a:t>
            </a:r>
          </a:p>
          <a:p>
            <a:endParaRPr lang="en-US" dirty="0"/>
          </a:p>
        </p:txBody>
      </p:sp>
      <p:sp>
        <p:nvSpPr>
          <p:cNvPr id="4" name="Slide Number Placeholder 3">
            <a:extLst>
              <a:ext uri="{FF2B5EF4-FFF2-40B4-BE49-F238E27FC236}">
                <a16:creationId xmlns:a16="http://schemas.microsoft.com/office/drawing/2014/main" id="{1EF0F906-E2B6-19D7-C590-07AE6711B511}"/>
              </a:ext>
            </a:extLst>
          </p:cNvPr>
          <p:cNvSpPr>
            <a:spLocks noGrp="1"/>
          </p:cNvSpPr>
          <p:nvPr>
            <p:ph type="sldNum" sz="quarter" idx="10"/>
          </p:nvPr>
        </p:nvSpPr>
        <p:spPr/>
        <p:txBody>
          <a:bodyPr/>
          <a:lstStyle/>
          <a:p>
            <a:fld id="{A8DA0297-835B-4005-A73E-7D056FBE2D9A}" type="slidenum">
              <a:rPr lang="ru-RU" smtClean="0"/>
              <a:t>15</a:t>
            </a:fld>
            <a:endParaRPr lang="ru-RU"/>
          </a:p>
        </p:txBody>
      </p:sp>
    </p:spTree>
    <p:extLst>
      <p:ext uri="{BB962C8B-B14F-4D97-AF65-F5344CB8AC3E}">
        <p14:creationId xmlns:p14="http://schemas.microsoft.com/office/powerpoint/2010/main" val="275734062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A9D3194-A2D7-AB8C-3102-FE208511578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1675290-C911-6878-CCC7-187D5FCB90D2}"/>
              </a:ext>
            </a:extLst>
          </p:cNvPr>
          <p:cNvSpPr>
            <a:spLocks noGrp="1" noRot="1" noChangeAspect="1"/>
          </p:cNvSpPr>
          <p:nvPr>
            <p:ph type="sldImg"/>
          </p:nvPr>
        </p:nvSpPr>
        <p:spPr>
          <a:xfrm>
            <a:off x="685800" y="1143000"/>
            <a:ext cx="5486400" cy="3086100"/>
          </a:xfrm>
        </p:spPr>
      </p:sp>
      <p:sp>
        <p:nvSpPr>
          <p:cNvPr id="3" name="Notes Placeholder 2">
            <a:extLst>
              <a:ext uri="{FF2B5EF4-FFF2-40B4-BE49-F238E27FC236}">
                <a16:creationId xmlns:a16="http://schemas.microsoft.com/office/drawing/2014/main" id="{92BCEE0F-5616-934D-E6B4-16D71A2B536D}"/>
              </a:ext>
            </a:extLst>
          </p:cNvPr>
          <p:cNvSpPr>
            <a:spLocks noGrp="1"/>
          </p:cNvSpPr>
          <p:nvPr>
            <p:ph type="body" idx="1"/>
          </p:nvPr>
        </p:nvSpPr>
        <p:spPr/>
        <p:txBody>
          <a:bodyPr/>
          <a:lstStyle/>
          <a:p>
            <a:r>
              <a:rPr lang="en-US" dirty="0"/>
              <a:t>You can identify opportunities, passively, by looking at account transactions. And your customers don’t even have to be physically present to see these opportunities. </a:t>
            </a:r>
          </a:p>
          <a:p>
            <a:r>
              <a:rPr lang="en-US" dirty="0"/>
              <a:t>There are several hundred customers within a typical bank that use third party payment apps to get paid, which makes a perfect opportunity to make them aware of our new solution!</a:t>
            </a:r>
          </a:p>
          <a:p>
            <a:endParaRPr lang="en-US" dirty="0"/>
          </a:p>
          <a:p>
            <a:r>
              <a:rPr lang="en-US" dirty="0"/>
              <a:t>Does your customer receive regular deposits from Square, Venmo, PayPal, Stripe, </a:t>
            </a:r>
            <a:r>
              <a:rPr lang="en-US" dirty="0" err="1"/>
              <a:t>etc</a:t>
            </a:r>
            <a:r>
              <a:rPr lang="en-US" dirty="0"/>
              <a:t>? This new solution offers the same features as these payment apps, but with the added benefit of being a part of their bank account. </a:t>
            </a:r>
          </a:p>
          <a:p>
            <a:endParaRPr lang="en-US" dirty="0"/>
          </a:p>
          <a:p>
            <a:pPr marL="171450" indent="-171450">
              <a:buFont typeface="Arial" panose="020B0604020202020204" pitchFamily="34" charset="0"/>
              <a:buChar char="•"/>
            </a:pPr>
            <a:r>
              <a:rPr lang="en-US" dirty="0"/>
              <a:t>No juggling multiple applications and multiple login credentials to different apps and websites. </a:t>
            </a:r>
          </a:p>
          <a:p>
            <a:pPr marL="171450" indent="-171450">
              <a:buFont typeface="Arial" panose="020B0604020202020204" pitchFamily="34" charset="0"/>
              <a:buChar char="•"/>
            </a:pPr>
            <a:r>
              <a:rPr lang="en-US" dirty="0"/>
              <a:t>Payments go right to the customer’s bank account instead of being held in a third-party virtual wallet.</a:t>
            </a:r>
          </a:p>
          <a:p>
            <a:pPr marL="171450" indent="-171450">
              <a:buFont typeface="Arial" panose="020B0604020202020204" pitchFamily="34" charset="0"/>
              <a:buChar char="•"/>
            </a:pPr>
            <a:r>
              <a:rPr lang="en-US" dirty="0"/>
              <a:t>No more manually matching deposits to outstanding invoices </a:t>
            </a:r>
          </a:p>
          <a:p>
            <a:r>
              <a:rPr lang="en-US" dirty="0"/>
              <a:t>-----------------------------------------------------------------------------------</a:t>
            </a:r>
          </a:p>
          <a:p>
            <a:r>
              <a:rPr lang="en-US" dirty="0"/>
              <a:t>Another way that you can identify customers is to think about the services they would benefit from. </a:t>
            </a:r>
          </a:p>
          <a:p>
            <a:r>
              <a:rPr lang="en-US" dirty="0"/>
              <a:t>Again, this does not have to be done “in-person” but it can serve as a middle ground between in-person conversations and passively thinking of customer opportunities.</a:t>
            </a:r>
          </a:p>
          <a:p>
            <a:r>
              <a:rPr lang="en-US" dirty="0"/>
              <a:t>If your customer needs (CLICK FOR ANIMATION, READ BULLETS AS THEY APPEAR).</a:t>
            </a:r>
          </a:p>
          <a:p>
            <a:endParaRPr lang="en-US" dirty="0"/>
          </a:p>
          <a:p>
            <a:r>
              <a:rPr lang="en-US" dirty="0"/>
              <a:t>Some business type examples include (CLICK FOR ANIMATION, READ BULLETS AS THEY APPEAR).</a:t>
            </a:r>
          </a:p>
          <a:p>
            <a:endParaRPr lang="en-US" dirty="0"/>
          </a:p>
          <a:p>
            <a:r>
              <a:rPr lang="en-US" dirty="0"/>
              <a:t>If your customer has a business like these, or needs these services, it’s great to be proactive in conversations with them and moving them towards enrollment.</a:t>
            </a:r>
          </a:p>
          <a:p>
            <a:r>
              <a:rPr lang="en-US" dirty="0"/>
              <a:t>-----------------------------------------------------------------------------------</a:t>
            </a:r>
          </a:p>
          <a:p>
            <a:r>
              <a:rPr lang="en-US" dirty="0"/>
              <a:t>Here are some circumstances you can listen for when talking to your customer that indicate Autobooks may be a good fit for them:</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228600" indent="-228600">
              <a:buAutoNum type="arabicParenR"/>
            </a:pPr>
            <a:r>
              <a:rPr lang="en-US" dirty="0"/>
              <a:t>Chaos: do you know a customer that is struggling to keep up with managing their business? Maybe they’re falling behind on collecting overdue payments from customers, or maybe they’re spending hours and hours manually tracking payments and creating invoices. Autobooks technology automates many manual tracking steps for a business.</a:t>
            </a:r>
            <a:br>
              <a:rPr lang="en-US" dirty="0"/>
            </a:br>
            <a:endParaRPr lang="en-US" dirty="0"/>
          </a:p>
          <a:p>
            <a:pPr marL="228600" marR="0" lvl="0" indent="-228600" algn="l" defTabSz="914400" rtl="0" eaLnBrk="1" fontAlgn="auto" latinLnBrk="0" hangingPunct="1">
              <a:lnSpc>
                <a:spcPct val="100000"/>
              </a:lnSpc>
              <a:spcBef>
                <a:spcPts val="0"/>
              </a:spcBef>
              <a:spcAft>
                <a:spcPts val="0"/>
              </a:spcAft>
              <a:buClrTx/>
              <a:buSzTx/>
              <a:buFontTx/>
              <a:buAutoNum type="arabicParenR"/>
              <a:tabLst/>
              <a:defRPr/>
            </a:pPr>
            <a:r>
              <a:rPr lang="en-US" dirty="0"/>
              <a:t>Trust: Some customers have tried other third-party payment apps and have had a negative experience. Bad customer support, tech issues, or just too difficult to use.  Autobooks appeals to customers that have been burned in the past since the solution is baked right into their bank account. Customers know they can trust the services you provide, and they love your customer service. Plus, you’ve got the Autobooks team providing great customer service too!</a:t>
            </a:r>
            <a:br>
              <a:rPr lang="en-US" dirty="0"/>
            </a:br>
            <a:endParaRPr lang="en-US" dirty="0"/>
          </a:p>
          <a:p>
            <a:pPr marL="228600" indent="-228600">
              <a:buAutoNum type="arabicParenR"/>
            </a:pPr>
            <a:r>
              <a:rPr lang="en-US" dirty="0"/>
              <a:t>New Beginnings: It’s a great time to discuss Autobooks when you open new customer accounts! The solution is easy to use, and easy to get started…and priced right for new business owners.</a:t>
            </a:r>
          </a:p>
          <a:p>
            <a:endParaRPr lang="en-US" dirty="0"/>
          </a:p>
        </p:txBody>
      </p:sp>
      <p:sp>
        <p:nvSpPr>
          <p:cNvPr id="4" name="Slide Number Placeholder 3">
            <a:extLst>
              <a:ext uri="{FF2B5EF4-FFF2-40B4-BE49-F238E27FC236}">
                <a16:creationId xmlns:a16="http://schemas.microsoft.com/office/drawing/2014/main" id="{8B7F1448-2E36-6572-AC8F-FDC174F912E8}"/>
              </a:ext>
            </a:extLst>
          </p:cNvPr>
          <p:cNvSpPr>
            <a:spLocks noGrp="1"/>
          </p:cNvSpPr>
          <p:nvPr>
            <p:ph type="sldNum" sz="quarter" idx="10"/>
          </p:nvPr>
        </p:nvSpPr>
        <p:spPr/>
        <p:txBody>
          <a:bodyPr/>
          <a:lstStyle/>
          <a:p>
            <a:fld id="{A8DA0297-835B-4005-A73E-7D056FBE2D9A}" type="slidenum">
              <a:rPr lang="ru-RU" smtClean="0"/>
              <a:t>16</a:t>
            </a:fld>
            <a:endParaRPr lang="ru-RU"/>
          </a:p>
        </p:txBody>
      </p:sp>
    </p:spTree>
    <p:extLst>
      <p:ext uri="{BB962C8B-B14F-4D97-AF65-F5344CB8AC3E}">
        <p14:creationId xmlns:p14="http://schemas.microsoft.com/office/powerpoint/2010/main" val="397717474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7C618D6-2557-2214-74D7-8936ED240CE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3396421-AA38-49E5-C1B8-14FB0ACE330C}"/>
              </a:ext>
            </a:extLst>
          </p:cNvPr>
          <p:cNvSpPr>
            <a:spLocks noGrp="1" noRot="1" noChangeAspect="1"/>
          </p:cNvSpPr>
          <p:nvPr>
            <p:ph type="sldImg"/>
          </p:nvPr>
        </p:nvSpPr>
        <p:spPr>
          <a:xfrm>
            <a:off x="685800" y="1143000"/>
            <a:ext cx="5486400" cy="3086100"/>
          </a:xfrm>
        </p:spPr>
      </p:sp>
      <p:sp>
        <p:nvSpPr>
          <p:cNvPr id="3" name="Notes Placeholder 2">
            <a:extLst>
              <a:ext uri="{FF2B5EF4-FFF2-40B4-BE49-F238E27FC236}">
                <a16:creationId xmlns:a16="http://schemas.microsoft.com/office/drawing/2014/main" id="{91A7A710-DEAE-A5DC-6F98-0E9EF2CBFF60}"/>
              </a:ext>
            </a:extLst>
          </p:cNvPr>
          <p:cNvSpPr>
            <a:spLocks noGrp="1"/>
          </p:cNvSpPr>
          <p:nvPr>
            <p:ph type="body" idx="1"/>
          </p:nvPr>
        </p:nvSpPr>
        <p:spPr/>
        <p:txBody>
          <a:bodyPr/>
          <a:lstStyle/>
          <a:p>
            <a:r>
              <a:rPr lang="en-US" dirty="0"/>
              <a:t>You can identify opportunities, passively, by looking at account transactions. And your customers don’t even have to be physically present to see these opportunities. </a:t>
            </a:r>
          </a:p>
          <a:p>
            <a:r>
              <a:rPr lang="en-US" dirty="0"/>
              <a:t>There are several hundred customers within a typical bank that use third party payment apps to get paid, which makes a perfect opportunity to make them aware of our new solution!</a:t>
            </a:r>
          </a:p>
          <a:p>
            <a:endParaRPr lang="en-US" dirty="0"/>
          </a:p>
          <a:p>
            <a:r>
              <a:rPr lang="en-US" dirty="0"/>
              <a:t>Does your customer receive regular deposits from Square, Venmo, PayPal, Stripe, </a:t>
            </a:r>
            <a:r>
              <a:rPr lang="en-US" dirty="0" err="1"/>
              <a:t>etc</a:t>
            </a:r>
            <a:r>
              <a:rPr lang="en-US" dirty="0"/>
              <a:t>? This new solution offers the same features as these payment apps, but with the added benefit of being a part of their bank account. </a:t>
            </a:r>
          </a:p>
          <a:p>
            <a:endParaRPr lang="en-US" dirty="0"/>
          </a:p>
          <a:p>
            <a:pPr marL="171450" indent="-171450">
              <a:buFont typeface="Arial" panose="020B0604020202020204" pitchFamily="34" charset="0"/>
              <a:buChar char="•"/>
            </a:pPr>
            <a:r>
              <a:rPr lang="en-US" dirty="0"/>
              <a:t>No juggling multiple applications and multiple login credentials to different apps and websites. </a:t>
            </a:r>
          </a:p>
          <a:p>
            <a:pPr marL="171450" indent="-171450">
              <a:buFont typeface="Arial" panose="020B0604020202020204" pitchFamily="34" charset="0"/>
              <a:buChar char="•"/>
            </a:pPr>
            <a:r>
              <a:rPr lang="en-US" dirty="0"/>
              <a:t>Payments go right to the customer’s bank account instead of being held in a third-party virtual wallet.</a:t>
            </a:r>
          </a:p>
          <a:p>
            <a:pPr marL="171450" indent="-171450">
              <a:buFont typeface="Arial" panose="020B0604020202020204" pitchFamily="34" charset="0"/>
              <a:buChar char="•"/>
            </a:pPr>
            <a:r>
              <a:rPr lang="en-US" dirty="0"/>
              <a:t>No more manually matching deposits to outstanding invoices </a:t>
            </a:r>
          </a:p>
          <a:p>
            <a:r>
              <a:rPr lang="en-US" dirty="0"/>
              <a:t>-----------------------------------------------------------------------------------</a:t>
            </a:r>
          </a:p>
          <a:p>
            <a:r>
              <a:rPr lang="en-US" dirty="0"/>
              <a:t>Another way that you can identify customers is to think about the services they would benefit from. </a:t>
            </a:r>
          </a:p>
          <a:p>
            <a:r>
              <a:rPr lang="en-US" dirty="0"/>
              <a:t>Again, this does not have to be done “in-person” but it can serve as a middle ground between in-person conversations and passively thinking of customer opportunities.</a:t>
            </a:r>
          </a:p>
          <a:p>
            <a:r>
              <a:rPr lang="en-US" dirty="0"/>
              <a:t>If your customer needs (CLICK FOR ANIMATION, READ BULLETS AS THEY APPEAR).</a:t>
            </a:r>
          </a:p>
          <a:p>
            <a:endParaRPr lang="en-US" dirty="0"/>
          </a:p>
          <a:p>
            <a:r>
              <a:rPr lang="en-US" dirty="0"/>
              <a:t>Some business type examples include (CLICK FOR ANIMATION, READ BULLETS AS THEY APPEAR).</a:t>
            </a:r>
          </a:p>
          <a:p>
            <a:endParaRPr lang="en-US" dirty="0"/>
          </a:p>
          <a:p>
            <a:r>
              <a:rPr lang="en-US" dirty="0"/>
              <a:t>If your customer has a business like these, or needs these services, it’s great to be proactive in conversations with them and moving them towards enrollment.</a:t>
            </a:r>
          </a:p>
          <a:p>
            <a:r>
              <a:rPr lang="en-US" dirty="0"/>
              <a:t>-----------------------------------------------------------------------------------</a:t>
            </a:r>
          </a:p>
          <a:p>
            <a:r>
              <a:rPr lang="en-US" dirty="0"/>
              <a:t>Here are some circumstances you can listen for when talking to your customer that indicate Autobooks may be a good fit for them:</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228600" indent="-228600">
              <a:buAutoNum type="arabicParenR"/>
            </a:pPr>
            <a:r>
              <a:rPr lang="en-US" dirty="0"/>
              <a:t>Chaos: do you know a customer that is struggling to keep up with managing their business? Maybe they’re falling behind on collecting overdue payments from customers, or maybe they’re spending hours and hours manually tracking payments and creating invoices. Autobooks technology automates many manual tracking steps for a business.</a:t>
            </a:r>
            <a:br>
              <a:rPr lang="en-US" dirty="0"/>
            </a:br>
            <a:endParaRPr lang="en-US" dirty="0"/>
          </a:p>
          <a:p>
            <a:pPr marL="228600" marR="0" lvl="0" indent="-228600" algn="l" defTabSz="914400" rtl="0" eaLnBrk="1" fontAlgn="auto" latinLnBrk="0" hangingPunct="1">
              <a:lnSpc>
                <a:spcPct val="100000"/>
              </a:lnSpc>
              <a:spcBef>
                <a:spcPts val="0"/>
              </a:spcBef>
              <a:spcAft>
                <a:spcPts val="0"/>
              </a:spcAft>
              <a:buClrTx/>
              <a:buSzTx/>
              <a:buFontTx/>
              <a:buAutoNum type="arabicParenR"/>
              <a:tabLst/>
              <a:defRPr/>
            </a:pPr>
            <a:r>
              <a:rPr lang="en-US" dirty="0"/>
              <a:t>Trust: Some customers have tried other third-party payment apps and have had a negative experience. Bad customer support, tech issues, or just too difficult to use.  Autobooks appeals to customers that have been burned in the past since the solution is baked right into their bank account. Customers know they can trust the services you provide, and they love your customer service. Plus, you’ve got the Autobooks team providing great customer service too!</a:t>
            </a:r>
            <a:br>
              <a:rPr lang="en-US" dirty="0"/>
            </a:br>
            <a:endParaRPr lang="en-US" dirty="0"/>
          </a:p>
          <a:p>
            <a:pPr marL="228600" indent="-228600">
              <a:buAutoNum type="arabicParenR"/>
            </a:pPr>
            <a:r>
              <a:rPr lang="en-US" dirty="0"/>
              <a:t>New Beginnings: It’s a great time to discuss Autobooks when you open new customer accounts! The solution is easy to use, and easy to get started…and priced right for new business owners.</a:t>
            </a:r>
          </a:p>
          <a:p>
            <a:endParaRPr lang="en-US" dirty="0"/>
          </a:p>
        </p:txBody>
      </p:sp>
      <p:sp>
        <p:nvSpPr>
          <p:cNvPr id="4" name="Slide Number Placeholder 3">
            <a:extLst>
              <a:ext uri="{FF2B5EF4-FFF2-40B4-BE49-F238E27FC236}">
                <a16:creationId xmlns:a16="http://schemas.microsoft.com/office/drawing/2014/main" id="{209AC090-1A37-1A57-9A59-CBB658BD732E}"/>
              </a:ext>
            </a:extLst>
          </p:cNvPr>
          <p:cNvSpPr>
            <a:spLocks noGrp="1"/>
          </p:cNvSpPr>
          <p:nvPr>
            <p:ph type="sldNum" sz="quarter" idx="10"/>
          </p:nvPr>
        </p:nvSpPr>
        <p:spPr/>
        <p:txBody>
          <a:bodyPr/>
          <a:lstStyle/>
          <a:p>
            <a:fld id="{A8DA0297-835B-4005-A73E-7D056FBE2D9A}" type="slidenum">
              <a:rPr lang="ru-RU" smtClean="0"/>
              <a:t>17</a:t>
            </a:fld>
            <a:endParaRPr lang="ru-RU"/>
          </a:p>
        </p:txBody>
      </p:sp>
    </p:spTree>
    <p:extLst>
      <p:ext uri="{BB962C8B-B14F-4D97-AF65-F5344CB8AC3E}">
        <p14:creationId xmlns:p14="http://schemas.microsoft.com/office/powerpoint/2010/main" val="155677696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UTOMATIC ANIMATIONS ON THIS SLIDE</a:t>
            </a:r>
          </a:p>
          <a:p>
            <a:endParaRPr lang="en-US" dirty="0"/>
          </a:p>
          <a:p>
            <a:r>
              <a:rPr lang="en-US" dirty="0"/>
              <a:t>There are a number of additional support resources available as well including:</a:t>
            </a:r>
          </a:p>
          <a:p>
            <a:endParaRPr lang="en-US" dirty="0"/>
          </a:p>
          <a:p>
            <a:r>
              <a:rPr lang="en-US" dirty="0"/>
              <a:t>- Application Knowledge base built right into the Autobooks tools. This knowledge base houses many support articles with how-</a:t>
            </a:r>
            <a:r>
              <a:rPr lang="en-US" dirty="0" err="1"/>
              <a:t>to’s</a:t>
            </a:r>
            <a:r>
              <a:rPr lang="en-US" dirty="0"/>
              <a:t>, walkthroughs, screenshots, guides and more.</a:t>
            </a:r>
          </a:p>
          <a:p>
            <a:r>
              <a:rPr lang="en-US" dirty="0"/>
              <a:t>- In addition to the articles, customers and small business owners can submit a web ticket directly through the knowledge base to our support team.</a:t>
            </a:r>
          </a:p>
          <a:p>
            <a:r>
              <a:rPr lang="en-US" dirty="0"/>
              <a:t>- Also, the Autobooks Support team is available by phone Monday thru Friday, 9am – 6pm ET.</a:t>
            </a:r>
          </a:p>
          <a:p>
            <a:endParaRPr lang="en-US" dirty="0"/>
          </a:p>
          <a:p>
            <a:endParaRPr lang="en-US" dirty="0"/>
          </a:p>
          <a:p>
            <a:r>
              <a:rPr lang="en-US" dirty="0"/>
              <a:t>---</a:t>
            </a:r>
          </a:p>
          <a:p>
            <a:r>
              <a:rPr lang="en-US" dirty="0"/>
              <a:t>GO TO NEXT SLIDE.</a:t>
            </a:r>
          </a:p>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12F12B5D-D2FD-6B4A-B62D-D5293C9BE19F}"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9</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0022753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endParaRPr lang="ru-RU" dirty="0"/>
          </a:p>
        </p:txBody>
      </p:sp>
      <p:sp>
        <p:nvSpPr>
          <p:cNvPr id="4" name="Номер слайда 3"/>
          <p:cNvSpPr>
            <a:spLocks noGrp="1"/>
          </p:cNvSpPr>
          <p:nvPr>
            <p:ph type="sldNum" sz="quarter" idx="5"/>
          </p:nvPr>
        </p:nvSpPr>
        <p:spPr/>
        <p:txBody>
          <a:bodyPr/>
          <a:lstStyle/>
          <a:p>
            <a:fld id="{163B6776-2CAA-4D1C-9A32-EEA72A1AD2A5}" type="slidenum">
              <a:rPr lang="ru-RU" smtClean="0"/>
              <a:t>2</a:t>
            </a:fld>
            <a:endParaRPr lang="ru-RU"/>
          </a:p>
        </p:txBody>
      </p:sp>
    </p:spTree>
    <p:extLst>
      <p:ext uri="{BB962C8B-B14F-4D97-AF65-F5344CB8AC3E}">
        <p14:creationId xmlns:p14="http://schemas.microsoft.com/office/powerpoint/2010/main" val="291810006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Before we dive into WHAT the tools do, let’s see WHY these tools provide value to our customer; and HOW these tools help us achieve goals too.</a:t>
            </a:r>
          </a:p>
          <a:p>
            <a:endParaRPr lang="en-US"/>
          </a:p>
          <a:p>
            <a:endParaRPr lang="en-US"/>
          </a:p>
          <a:p>
            <a:r>
              <a:rPr lang="en-US"/>
              <a:t>---</a:t>
            </a:r>
          </a:p>
          <a:p>
            <a:r>
              <a:rPr lang="en-US"/>
              <a:t>GO TO NEXT SLIDE.</a:t>
            </a:r>
          </a:p>
          <a:p>
            <a:endParaRPr lang="en-US"/>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55D0D02-5E5E-BC43-824D-05545090B957}"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3604827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Before we dive into WHAT the tools do, let’s see WHY these tools provide value to our customer; and HOW these tools help us achieve goals too.</a:t>
            </a:r>
          </a:p>
          <a:p>
            <a:endParaRPr lang="en-US"/>
          </a:p>
          <a:p>
            <a:endParaRPr lang="en-US"/>
          </a:p>
          <a:p>
            <a:r>
              <a:rPr lang="en-US"/>
              <a:t>---</a:t>
            </a:r>
          </a:p>
          <a:p>
            <a:r>
              <a:rPr lang="en-US"/>
              <a:t>GO TO NEXT SLIDE.</a:t>
            </a:r>
          </a:p>
          <a:p>
            <a:endParaRPr lang="en-US"/>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55D0D02-5E5E-BC43-824D-05545090B957}"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89028159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85800" y="1143000"/>
            <a:ext cx="5486400" cy="3086100"/>
          </a:xfrm>
        </p:spPr>
      </p:sp>
      <p:sp>
        <p:nvSpPr>
          <p:cNvPr id="3" name="Notes Placeholder 2"/>
          <p:cNvSpPr>
            <a:spLocks noGrp="1"/>
          </p:cNvSpPr>
          <p:nvPr>
            <p:ph type="body" idx="1"/>
          </p:nvPr>
        </p:nvSpPr>
        <p:spPr/>
        <p:txBody>
          <a:bodyPr/>
          <a:lstStyle/>
          <a:p>
            <a:r>
              <a:rPr lang="en-US" dirty="0"/>
              <a:t>You can identify opportunities, passively, by looking at account transactions. And your customers don’t even have to be physically present to see these opportunities. </a:t>
            </a:r>
          </a:p>
          <a:p>
            <a:r>
              <a:rPr lang="en-US" dirty="0"/>
              <a:t>There are several hundred customers within a typical bank that use third party payment apps to get paid, which makes a perfect opportunity to make them aware of our new solution!</a:t>
            </a:r>
          </a:p>
          <a:p>
            <a:endParaRPr lang="en-US" dirty="0"/>
          </a:p>
          <a:p>
            <a:r>
              <a:rPr lang="en-US" dirty="0"/>
              <a:t>Does your customer receive regular deposits from Square, Venmo, PayPal, Stripe, </a:t>
            </a:r>
            <a:r>
              <a:rPr lang="en-US" dirty="0" err="1"/>
              <a:t>etc</a:t>
            </a:r>
            <a:r>
              <a:rPr lang="en-US" dirty="0"/>
              <a:t>? This new solution offers the same features as these payment apps, but with the added benefit of being a part of their bank account. </a:t>
            </a:r>
          </a:p>
          <a:p>
            <a:endParaRPr lang="en-US" dirty="0"/>
          </a:p>
          <a:p>
            <a:pPr marL="171450" indent="-171450">
              <a:buFont typeface="Arial" panose="020B0604020202020204" pitchFamily="34" charset="0"/>
              <a:buChar char="•"/>
            </a:pPr>
            <a:r>
              <a:rPr lang="en-US" dirty="0"/>
              <a:t>No juggling multiple applications and multiple login credentials to different apps and websites. </a:t>
            </a:r>
          </a:p>
          <a:p>
            <a:pPr marL="171450" indent="-171450">
              <a:buFont typeface="Arial" panose="020B0604020202020204" pitchFamily="34" charset="0"/>
              <a:buChar char="•"/>
            </a:pPr>
            <a:r>
              <a:rPr lang="en-US" dirty="0"/>
              <a:t>Payments go right to the customer’s bank account instead of being held in a third-party virtual wallet.</a:t>
            </a:r>
          </a:p>
          <a:p>
            <a:pPr marL="171450" indent="-171450">
              <a:buFont typeface="Arial" panose="020B0604020202020204" pitchFamily="34" charset="0"/>
              <a:buChar char="•"/>
            </a:pPr>
            <a:r>
              <a:rPr lang="en-US" dirty="0"/>
              <a:t>No more manually matching deposits to outstanding invoices </a:t>
            </a:r>
          </a:p>
          <a:p>
            <a:r>
              <a:rPr lang="en-US" dirty="0"/>
              <a:t>-----------------------------------------------------------------------------------</a:t>
            </a:r>
          </a:p>
          <a:p>
            <a:r>
              <a:rPr lang="en-US" dirty="0"/>
              <a:t>Another way that you can identify customers is to think about the services they would benefit from. </a:t>
            </a:r>
          </a:p>
          <a:p>
            <a:r>
              <a:rPr lang="en-US" dirty="0"/>
              <a:t>Again, this does not have to be done “in-person” but it can serve as a middle ground between in-person conversations and passively thinking of customer opportunities.</a:t>
            </a:r>
          </a:p>
          <a:p>
            <a:r>
              <a:rPr lang="en-US" dirty="0"/>
              <a:t>If your customer needs (CLICK FOR ANIMATION, READ BULLETS AS THEY APPEAR).</a:t>
            </a:r>
          </a:p>
          <a:p>
            <a:endParaRPr lang="en-US" dirty="0"/>
          </a:p>
          <a:p>
            <a:r>
              <a:rPr lang="en-US" dirty="0"/>
              <a:t>Some business type examples include (CLICK FOR ANIMATION, READ BULLETS AS THEY APPEAR).</a:t>
            </a:r>
          </a:p>
          <a:p>
            <a:endParaRPr lang="en-US" dirty="0"/>
          </a:p>
          <a:p>
            <a:r>
              <a:rPr lang="en-US" dirty="0"/>
              <a:t>If your customer has a business like these, or needs these services, it’s great to be proactive in conversations with them and moving them towards enrollment.</a:t>
            </a:r>
          </a:p>
          <a:p>
            <a:r>
              <a:rPr lang="en-US" dirty="0"/>
              <a:t>-----------------------------------------------------------------------------------</a:t>
            </a:r>
          </a:p>
          <a:p>
            <a:r>
              <a:rPr lang="en-US" dirty="0"/>
              <a:t>Here are some circumstances you can listen for when talking to your customer that indicate Autobooks may be a good fit for them:</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228600" indent="-228600">
              <a:buAutoNum type="arabicParenR"/>
            </a:pPr>
            <a:r>
              <a:rPr lang="en-US" dirty="0"/>
              <a:t>Chaos: do you know a customer that is struggling to keep up with managing their business? Maybe they’re falling behind on collecting overdue payments from customers, or maybe they’re spending hours and hours manually tracking payments and creating invoices. Autobooks technology automates many manual tracking steps for a business.</a:t>
            </a:r>
            <a:br>
              <a:rPr lang="en-US" dirty="0"/>
            </a:br>
            <a:endParaRPr lang="en-US" dirty="0"/>
          </a:p>
          <a:p>
            <a:pPr marL="228600" marR="0" lvl="0" indent="-228600" algn="l" defTabSz="914400" rtl="0" eaLnBrk="1" fontAlgn="auto" latinLnBrk="0" hangingPunct="1">
              <a:lnSpc>
                <a:spcPct val="100000"/>
              </a:lnSpc>
              <a:spcBef>
                <a:spcPts val="0"/>
              </a:spcBef>
              <a:spcAft>
                <a:spcPts val="0"/>
              </a:spcAft>
              <a:buClrTx/>
              <a:buSzTx/>
              <a:buFontTx/>
              <a:buAutoNum type="arabicParenR"/>
              <a:tabLst/>
              <a:defRPr/>
            </a:pPr>
            <a:r>
              <a:rPr lang="en-US" dirty="0"/>
              <a:t>Trust: Some customers have tried other third-party payment apps and have had a negative experience. Bad customer support, tech issues, or just too difficult to use.  Autobooks appeals to customers that have been burned in the past since the solution is baked right into their bank account. Customers know they can trust the services you provide, and they love your customer service. Plus, you’ve got the Autobooks team providing great customer service too!</a:t>
            </a:r>
            <a:br>
              <a:rPr lang="en-US" dirty="0"/>
            </a:br>
            <a:endParaRPr lang="en-US" dirty="0"/>
          </a:p>
          <a:p>
            <a:pPr marL="228600" indent="-228600">
              <a:buAutoNum type="arabicParenR"/>
            </a:pPr>
            <a:r>
              <a:rPr lang="en-US" dirty="0"/>
              <a:t>New Beginnings: It’s a great time to discuss Autobooks when you open new customer accounts! The solution is easy to use, and easy to get started…and priced right for new business owners.</a:t>
            </a:r>
          </a:p>
          <a:p>
            <a:endParaRPr lang="en-US" dirty="0"/>
          </a:p>
        </p:txBody>
      </p:sp>
      <p:sp>
        <p:nvSpPr>
          <p:cNvPr id="4" name="Slide Number Placeholder 3"/>
          <p:cNvSpPr>
            <a:spLocks noGrp="1"/>
          </p:cNvSpPr>
          <p:nvPr>
            <p:ph type="sldNum" sz="quarter" idx="10"/>
          </p:nvPr>
        </p:nvSpPr>
        <p:spPr/>
        <p:txBody>
          <a:bodyPr/>
          <a:lstStyle/>
          <a:p>
            <a:fld id="{A8DA0297-835B-4005-A73E-7D056FBE2D9A}" type="slidenum">
              <a:rPr lang="ru-RU" smtClean="0"/>
              <a:t>9</a:t>
            </a:fld>
            <a:endParaRPr lang="ru-RU"/>
          </a:p>
        </p:txBody>
      </p:sp>
    </p:spTree>
    <p:extLst>
      <p:ext uri="{BB962C8B-B14F-4D97-AF65-F5344CB8AC3E}">
        <p14:creationId xmlns:p14="http://schemas.microsoft.com/office/powerpoint/2010/main" val="383858358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2641BDA-472B-743B-394C-E76709227F0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4D6892F-28EB-2684-0EF4-08C63EFE0D1C}"/>
              </a:ext>
            </a:extLst>
          </p:cNvPr>
          <p:cNvSpPr>
            <a:spLocks noGrp="1" noRot="1" noChangeAspect="1"/>
          </p:cNvSpPr>
          <p:nvPr>
            <p:ph type="sldImg"/>
          </p:nvPr>
        </p:nvSpPr>
        <p:spPr>
          <a:xfrm>
            <a:off x="685800" y="1143000"/>
            <a:ext cx="5486400" cy="3086100"/>
          </a:xfrm>
        </p:spPr>
      </p:sp>
      <p:sp>
        <p:nvSpPr>
          <p:cNvPr id="3" name="Notes Placeholder 2">
            <a:extLst>
              <a:ext uri="{FF2B5EF4-FFF2-40B4-BE49-F238E27FC236}">
                <a16:creationId xmlns:a16="http://schemas.microsoft.com/office/drawing/2014/main" id="{1F71354A-3998-7C57-170C-D497A4A34FDF}"/>
              </a:ext>
            </a:extLst>
          </p:cNvPr>
          <p:cNvSpPr>
            <a:spLocks noGrp="1"/>
          </p:cNvSpPr>
          <p:nvPr>
            <p:ph type="body" idx="1"/>
          </p:nvPr>
        </p:nvSpPr>
        <p:spPr/>
        <p:txBody>
          <a:bodyPr/>
          <a:lstStyle/>
          <a:p>
            <a:r>
              <a:rPr lang="en-US" dirty="0"/>
              <a:t>You can identify opportunities, passively, by looking at account transactions. And your customers don’t even have to be physically present to see these opportunities. </a:t>
            </a:r>
          </a:p>
          <a:p>
            <a:r>
              <a:rPr lang="en-US" dirty="0"/>
              <a:t>There are several hundred customers within a typical bank that use third party payment apps to get paid, which makes a perfect opportunity to make them aware of our new solution!</a:t>
            </a:r>
          </a:p>
          <a:p>
            <a:endParaRPr lang="en-US" dirty="0"/>
          </a:p>
          <a:p>
            <a:r>
              <a:rPr lang="en-US" dirty="0"/>
              <a:t>Does your customer receive regular deposits from Square, Venmo, PayPal, Stripe, </a:t>
            </a:r>
            <a:r>
              <a:rPr lang="en-US" dirty="0" err="1"/>
              <a:t>etc</a:t>
            </a:r>
            <a:r>
              <a:rPr lang="en-US" dirty="0"/>
              <a:t>? This new solution offers the same features as these payment apps, but with the added benefit of being a part of their bank account. </a:t>
            </a:r>
          </a:p>
          <a:p>
            <a:endParaRPr lang="en-US" dirty="0"/>
          </a:p>
          <a:p>
            <a:pPr marL="171450" indent="-171450">
              <a:buFont typeface="Arial" panose="020B0604020202020204" pitchFamily="34" charset="0"/>
              <a:buChar char="•"/>
            </a:pPr>
            <a:r>
              <a:rPr lang="en-US" dirty="0"/>
              <a:t>No juggling multiple applications and multiple login credentials to different apps and websites. </a:t>
            </a:r>
          </a:p>
          <a:p>
            <a:pPr marL="171450" indent="-171450">
              <a:buFont typeface="Arial" panose="020B0604020202020204" pitchFamily="34" charset="0"/>
              <a:buChar char="•"/>
            </a:pPr>
            <a:r>
              <a:rPr lang="en-US" dirty="0"/>
              <a:t>Payments go right to the customer’s bank account instead of being held in a third-party virtual wallet.</a:t>
            </a:r>
          </a:p>
          <a:p>
            <a:pPr marL="171450" indent="-171450">
              <a:buFont typeface="Arial" panose="020B0604020202020204" pitchFamily="34" charset="0"/>
              <a:buChar char="•"/>
            </a:pPr>
            <a:r>
              <a:rPr lang="en-US" dirty="0"/>
              <a:t>No more manually matching deposits to outstanding invoices </a:t>
            </a:r>
          </a:p>
          <a:p>
            <a:r>
              <a:rPr lang="en-US" dirty="0"/>
              <a:t>-----------------------------------------------------------------------------------</a:t>
            </a:r>
          </a:p>
          <a:p>
            <a:r>
              <a:rPr lang="en-US" dirty="0"/>
              <a:t>Another way that you can identify customers is to think about the services they would benefit from. </a:t>
            </a:r>
          </a:p>
          <a:p>
            <a:r>
              <a:rPr lang="en-US" dirty="0"/>
              <a:t>Again, this does not have to be done “in-person” but it can serve as a middle ground between in-person conversations and passively thinking of customer opportunities.</a:t>
            </a:r>
          </a:p>
          <a:p>
            <a:r>
              <a:rPr lang="en-US" dirty="0"/>
              <a:t>If your customer needs (CLICK FOR ANIMATION, READ BULLETS AS THEY APPEAR).</a:t>
            </a:r>
          </a:p>
          <a:p>
            <a:endParaRPr lang="en-US" dirty="0"/>
          </a:p>
          <a:p>
            <a:r>
              <a:rPr lang="en-US" dirty="0"/>
              <a:t>Some business type examples include (CLICK FOR ANIMATION, READ BULLETS AS THEY APPEAR).</a:t>
            </a:r>
          </a:p>
          <a:p>
            <a:endParaRPr lang="en-US" dirty="0"/>
          </a:p>
          <a:p>
            <a:r>
              <a:rPr lang="en-US" dirty="0"/>
              <a:t>If your customer has a business like these, or needs these services, it’s great to be proactive in conversations with them and moving them towards enrollment.</a:t>
            </a:r>
          </a:p>
          <a:p>
            <a:r>
              <a:rPr lang="en-US" dirty="0"/>
              <a:t>-----------------------------------------------------------------------------------</a:t>
            </a:r>
          </a:p>
          <a:p>
            <a:r>
              <a:rPr lang="en-US" dirty="0"/>
              <a:t>Here are some circumstances you can listen for when talking to your customer that indicate Autobooks may be a good fit for them:</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228600" indent="-228600">
              <a:buAutoNum type="arabicParenR"/>
            </a:pPr>
            <a:r>
              <a:rPr lang="en-US" dirty="0"/>
              <a:t>Chaos: do you know a customer that is struggling to keep up with managing their business? Maybe they’re falling behind on collecting overdue payments from customers, or maybe they’re spending hours and hours manually tracking payments and creating invoices. Autobooks technology automates many manual tracking steps for a business.</a:t>
            </a:r>
            <a:br>
              <a:rPr lang="en-US" dirty="0"/>
            </a:br>
            <a:endParaRPr lang="en-US" dirty="0"/>
          </a:p>
          <a:p>
            <a:pPr marL="228600" marR="0" lvl="0" indent="-228600" algn="l" defTabSz="914400" rtl="0" eaLnBrk="1" fontAlgn="auto" latinLnBrk="0" hangingPunct="1">
              <a:lnSpc>
                <a:spcPct val="100000"/>
              </a:lnSpc>
              <a:spcBef>
                <a:spcPts val="0"/>
              </a:spcBef>
              <a:spcAft>
                <a:spcPts val="0"/>
              </a:spcAft>
              <a:buClrTx/>
              <a:buSzTx/>
              <a:buFontTx/>
              <a:buAutoNum type="arabicParenR"/>
              <a:tabLst/>
              <a:defRPr/>
            </a:pPr>
            <a:r>
              <a:rPr lang="en-US" dirty="0"/>
              <a:t>Trust: Some customers have tried other third-party payment apps and have had a negative experience. Bad customer support, tech issues, or just too difficult to use.  Autobooks appeals to customers that have been burned in the past since the solution is baked right into their bank account. Customers know they can trust the services you provide, and they love your customer service. Plus, you’ve got the Autobooks team providing great customer service too!</a:t>
            </a:r>
            <a:br>
              <a:rPr lang="en-US" dirty="0"/>
            </a:br>
            <a:endParaRPr lang="en-US" dirty="0"/>
          </a:p>
          <a:p>
            <a:pPr marL="228600" indent="-228600">
              <a:buAutoNum type="arabicParenR"/>
            </a:pPr>
            <a:r>
              <a:rPr lang="en-US" dirty="0"/>
              <a:t>New Beginnings: It’s a great time to discuss Autobooks when you open new customer accounts! The solution is easy to use, and easy to get started…and priced right for new business owners.</a:t>
            </a:r>
          </a:p>
          <a:p>
            <a:endParaRPr lang="en-US" dirty="0"/>
          </a:p>
        </p:txBody>
      </p:sp>
      <p:sp>
        <p:nvSpPr>
          <p:cNvPr id="4" name="Slide Number Placeholder 3">
            <a:extLst>
              <a:ext uri="{FF2B5EF4-FFF2-40B4-BE49-F238E27FC236}">
                <a16:creationId xmlns:a16="http://schemas.microsoft.com/office/drawing/2014/main" id="{D057C1CD-DF2E-2372-D5D9-C8309523DD6B}"/>
              </a:ext>
            </a:extLst>
          </p:cNvPr>
          <p:cNvSpPr>
            <a:spLocks noGrp="1"/>
          </p:cNvSpPr>
          <p:nvPr>
            <p:ph type="sldNum" sz="quarter" idx="10"/>
          </p:nvPr>
        </p:nvSpPr>
        <p:spPr/>
        <p:txBody>
          <a:bodyPr/>
          <a:lstStyle/>
          <a:p>
            <a:fld id="{A8DA0297-835B-4005-A73E-7D056FBE2D9A}" type="slidenum">
              <a:rPr lang="ru-RU" smtClean="0"/>
              <a:t>10</a:t>
            </a:fld>
            <a:endParaRPr lang="ru-RU"/>
          </a:p>
        </p:txBody>
      </p:sp>
    </p:spTree>
    <p:extLst>
      <p:ext uri="{BB962C8B-B14F-4D97-AF65-F5344CB8AC3E}">
        <p14:creationId xmlns:p14="http://schemas.microsoft.com/office/powerpoint/2010/main" val="57125320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FB0EF9-7EFF-457E-F619-0896B29E8E1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B6259DC-EB37-ED86-B5BE-CFFB6BC7C54E}"/>
              </a:ext>
            </a:extLst>
          </p:cNvPr>
          <p:cNvSpPr>
            <a:spLocks noGrp="1" noRot="1" noChangeAspect="1"/>
          </p:cNvSpPr>
          <p:nvPr>
            <p:ph type="sldImg"/>
          </p:nvPr>
        </p:nvSpPr>
        <p:spPr>
          <a:xfrm>
            <a:off x="685800" y="1143000"/>
            <a:ext cx="5486400" cy="3086100"/>
          </a:xfrm>
        </p:spPr>
      </p:sp>
      <p:sp>
        <p:nvSpPr>
          <p:cNvPr id="3" name="Notes Placeholder 2">
            <a:extLst>
              <a:ext uri="{FF2B5EF4-FFF2-40B4-BE49-F238E27FC236}">
                <a16:creationId xmlns:a16="http://schemas.microsoft.com/office/drawing/2014/main" id="{378E72E6-F748-0C3A-9256-ED7B0097B6F1}"/>
              </a:ext>
            </a:extLst>
          </p:cNvPr>
          <p:cNvSpPr>
            <a:spLocks noGrp="1"/>
          </p:cNvSpPr>
          <p:nvPr>
            <p:ph type="body" idx="1"/>
          </p:nvPr>
        </p:nvSpPr>
        <p:spPr/>
        <p:txBody>
          <a:bodyPr/>
          <a:lstStyle/>
          <a:p>
            <a:r>
              <a:rPr lang="en-US" dirty="0"/>
              <a:t>You can identify opportunities, passively, by looking at account transactions. And your customers don’t even have to be physically present to see these opportunities. </a:t>
            </a:r>
          </a:p>
          <a:p>
            <a:r>
              <a:rPr lang="en-US" dirty="0"/>
              <a:t>There are several hundred customers within a typical bank that use third party payment apps to get paid, which makes a perfect opportunity to make them aware of our new solution!</a:t>
            </a:r>
          </a:p>
          <a:p>
            <a:endParaRPr lang="en-US" dirty="0"/>
          </a:p>
          <a:p>
            <a:r>
              <a:rPr lang="en-US" dirty="0"/>
              <a:t>Does your customer receive regular deposits from Square, Venmo, PayPal, Stripe, </a:t>
            </a:r>
            <a:r>
              <a:rPr lang="en-US" dirty="0" err="1"/>
              <a:t>etc</a:t>
            </a:r>
            <a:r>
              <a:rPr lang="en-US" dirty="0"/>
              <a:t>? This new solution offers the same features as these payment apps, but with the added benefit of being a part of their bank account. </a:t>
            </a:r>
          </a:p>
          <a:p>
            <a:endParaRPr lang="en-US" dirty="0"/>
          </a:p>
          <a:p>
            <a:pPr marL="171450" indent="-171450">
              <a:buFont typeface="Arial" panose="020B0604020202020204" pitchFamily="34" charset="0"/>
              <a:buChar char="•"/>
            </a:pPr>
            <a:r>
              <a:rPr lang="en-US" dirty="0"/>
              <a:t>No juggling multiple applications and multiple login credentials to different apps and websites. </a:t>
            </a:r>
          </a:p>
          <a:p>
            <a:pPr marL="171450" indent="-171450">
              <a:buFont typeface="Arial" panose="020B0604020202020204" pitchFamily="34" charset="0"/>
              <a:buChar char="•"/>
            </a:pPr>
            <a:r>
              <a:rPr lang="en-US" dirty="0"/>
              <a:t>Payments go right to the customer’s bank account instead of being held in a third-party virtual wallet.</a:t>
            </a:r>
          </a:p>
          <a:p>
            <a:pPr marL="171450" indent="-171450">
              <a:buFont typeface="Arial" panose="020B0604020202020204" pitchFamily="34" charset="0"/>
              <a:buChar char="•"/>
            </a:pPr>
            <a:r>
              <a:rPr lang="en-US" dirty="0"/>
              <a:t>No more manually matching deposits to outstanding invoices </a:t>
            </a:r>
          </a:p>
          <a:p>
            <a:r>
              <a:rPr lang="en-US" dirty="0"/>
              <a:t>-----------------------------------------------------------------------------------</a:t>
            </a:r>
          </a:p>
          <a:p>
            <a:r>
              <a:rPr lang="en-US" dirty="0"/>
              <a:t>Another way that you can identify customers is to think about the services they would benefit from. </a:t>
            </a:r>
          </a:p>
          <a:p>
            <a:r>
              <a:rPr lang="en-US" dirty="0"/>
              <a:t>Again, this does not have to be done “in-person” but it can serve as a middle ground between in-person conversations and passively thinking of customer opportunities.</a:t>
            </a:r>
          </a:p>
          <a:p>
            <a:r>
              <a:rPr lang="en-US" dirty="0"/>
              <a:t>If your customer needs (CLICK FOR ANIMATION, READ BULLETS AS THEY APPEAR).</a:t>
            </a:r>
          </a:p>
          <a:p>
            <a:endParaRPr lang="en-US" dirty="0"/>
          </a:p>
          <a:p>
            <a:r>
              <a:rPr lang="en-US" dirty="0"/>
              <a:t>Some business type examples include (CLICK FOR ANIMATION, READ BULLETS AS THEY APPEAR).</a:t>
            </a:r>
          </a:p>
          <a:p>
            <a:endParaRPr lang="en-US" dirty="0"/>
          </a:p>
          <a:p>
            <a:r>
              <a:rPr lang="en-US" dirty="0"/>
              <a:t>If your customer has a business like these, or needs these services, it’s great to be proactive in conversations with them and moving them towards enrollment.</a:t>
            </a:r>
          </a:p>
          <a:p>
            <a:r>
              <a:rPr lang="en-US" dirty="0"/>
              <a:t>-----------------------------------------------------------------------------------</a:t>
            </a:r>
          </a:p>
          <a:p>
            <a:r>
              <a:rPr lang="en-US" dirty="0"/>
              <a:t>Here are some circumstances you can listen for when talking to your customer that indicate Autobooks may be a good fit for them:</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228600" indent="-228600">
              <a:buAutoNum type="arabicParenR"/>
            </a:pPr>
            <a:r>
              <a:rPr lang="en-US" dirty="0"/>
              <a:t>Chaos: do you know a customer that is struggling to keep up with managing their business? Maybe they’re falling behind on collecting overdue payments from customers, or maybe they’re spending hours and hours manually tracking payments and creating invoices. Autobooks technology automates many manual tracking steps for a business.</a:t>
            </a:r>
            <a:br>
              <a:rPr lang="en-US" dirty="0"/>
            </a:br>
            <a:endParaRPr lang="en-US" dirty="0"/>
          </a:p>
          <a:p>
            <a:pPr marL="228600" marR="0" lvl="0" indent="-228600" algn="l" defTabSz="914400" rtl="0" eaLnBrk="1" fontAlgn="auto" latinLnBrk="0" hangingPunct="1">
              <a:lnSpc>
                <a:spcPct val="100000"/>
              </a:lnSpc>
              <a:spcBef>
                <a:spcPts val="0"/>
              </a:spcBef>
              <a:spcAft>
                <a:spcPts val="0"/>
              </a:spcAft>
              <a:buClrTx/>
              <a:buSzTx/>
              <a:buFontTx/>
              <a:buAutoNum type="arabicParenR"/>
              <a:tabLst/>
              <a:defRPr/>
            </a:pPr>
            <a:r>
              <a:rPr lang="en-US" dirty="0"/>
              <a:t>Trust: Some customers have tried other third-party payment apps and have had a negative experience. Bad customer support, tech issues, or just too difficult to use.  Autobooks appeals to customers that have been burned in the past since the solution is baked right into their bank account. Customers know they can trust the services you provide, and they love your customer service. Plus, you’ve got the Autobooks team providing great customer service too!</a:t>
            </a:r>
            <a:br>
              <a:rPr lang="en-US" dirty="0"/>
            </a:br>
            <a:endParaRPr lang="en-US" dirty="0"/>
          </a:p>
          <a:p>
            <a:pPr marL="228600" indent="-228600">
              <a:buAutoNum type="arabicParenR"/>
            </a:pPr>
            <a:r>
              <a:rPr lang="en-US" dirty="0"/>
              <a:t>New Beginnings: It’s a great time to discuss Autobooks when you open new customer accounts! The solution is easy to use, and easy to get started…and priced right for new business owners.</a:t>
            </a:r>
          </a:p>
          <a:p>
            <a:endParaRPr lang="en-US" dirty="0"/>
          </a:p>
        </p:txBody>
      </p:sp>
      <p:sp>
        <p:nvSpPr>
          <p:cNvPr id="4" name="Slide Number Placeholder 3">
            <a:extLst>
              <a:ext uri="{FF2B5EF4-FFF2-40B4-BE49-F238E27FC236}">
                <a16:creationId xmlns:a16="http://schemas.microsoft.com/office/drawing/2014/main" id="{705A1F61-091D-50CD-F439-904F0C2825D4}"/>
              </a:ext>
            </a:extLst>
          </p:cNvPr>
          <p:cNvSpPr>
            <a:spLocks noGrp="1"/>
          </p:cNvSpPr>
          <p:nvPr>
            <p:ph type="sldNum" sz="quarter" idx="10"/>
          </p:nvPr>
        </p:nvSpPr>
        <p:spPr/>
        <p:txBody>
          <a:bodyPr/>
          <a:lstStyle/>
          <a:p>
            <a:fld id="{A8DA0297-835B-4005-A73E-7D056FBE2D9A}" type="slidenum">
              <a:rPr lang="ru-RU" smtClean="0"/>
              <a:t>11</a:t>
            </a:fld>
            <a:endParaRPr lang="ru-RU"/>
          </a:p>
        </p:txBody>
      </p:sp>
    </p:spTree>
    <p:extLst>
      <p:ext uri="{BB962C8B-B14F-4D97-AF65-F5344CB8AC3E}">
        <p14:creationId xmlns:p14="http://schemas.microsoft.com/office/powerpoint/2010/main" val="338425204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6BF2A04-5424-D04D-2390-CD739E9CF51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F45AF8E-1FFD-BE98-6B12-1200A94E8959}"/>
              </a:ext>
            </a:extLst>
          </p:cNvPr>
          <p:cNvSpPr>
            <a:spLocks noGrp="1" noRot="1" noChangeAspect="1"/>
          </p:cNvSpPr>
          <p:nvPr>
            <p:ph type="sldImg"/>
          </p:nvPr>
        </p:nvSpPr>
        <p:spPr>
          <a:xfrm>
            <a:off x="685800" y="1143000"/>
            <a:ext cx="5486400" cy="3086100"/>
          </a:xfrm>
        </p:spPr>
      </p:sp>
      <p:sp>
        <p:nvSpPr>
          <p:cNvPr id="3" name="Notes Placeholder 2">
            <a:extLst>
              <a:ext uri="{FF2B5EF4-FFF2-40B4-BE49-F238E27FC236}">
                <a16:creationId xmlns:a16="http://schemas.microsoft.com/office/drawing/2014/main" id="{C0A48AC7-BEB7-9562-8720-0864AB036EEB}"/>
              </a:ext>
            </a:extLst>
          </p:cNvPr>
          <p:cNvSpPr>
            <a:spLocks noGrp="1"/>
          </p:cNvSpPr>
          <p:nvPr>
            <p:ph type="body" idx="1"/>
          </p:nvPr>
        </p:nvSpPr>
        <p:spPr/>
        <p:txBody>
          <a:bodyPr/>
          <a:lstStyle/>
          <a:p>
            <a:r>
              <a:rPr lang="en-US" dirty="0"/>
              <a:t>You can identify opportunities, passively, by looking at account transactions. And your customers don’t even have to be physically present to see these opportunities. </a:t>
            </a:r>
          </a:p>
          <a:p>
            <a:r>
              <a:rPr lang="en-US" dirty="0"/>
              <a:t>There are several hundred customers within a typical bank that use third party payment apps to get paid, which makes a perfect opportunity to make them aware of our new solution!</a:t>
            </a:r>
          </a:p>
          <a:p>
            <a:endParaRPr lang="en-US" dirty="0"/>
          </a:p>
          <a:p>
            <a:r>
              <a:rPr lang="en-US" dirty="0"/>
              <a:t>Does your customer receive regular deposits from Square, Venmo, PayPal, Stripe, </a:t>
            </a:r>
            <a:r>
              <a:rPr lang="en-US" dirty="0" err="1"/>
              <a:t>etc</a:t>
            </a:r>
            <a:r>
              <a:rPr lang="en-US" dirty="0"/>
              <a:t>? This new solution offers the same features as these payment apps, but with the added benefit of being a part of their bank account. </a:t>
            </a:r>
          </a:p>
          <a:p>
            <a:endParaRPr lang="en-US" dirty="0"/>
          </a:p>
          <a:p>
            <a:pPr marL="171450" indent="-171450">
              <a:buFont typeface="Arial" panose="020B0604020202020204" pitchFamily="34" charset="0"/>
              <a:buChar char="•"/>
            </a:pPr>
            <a:r>
              <a:rPr lang="en-US" dirty="0"/>
              <a:t>No juggling multiple applications and multiple login credentials to different apps and websites. </a:t>
            </a:r>
          </a:p>
          <a:p>
            <a:pPr marL="171450" indent="-171450">
              <a:buFont typeface="Arial" panose="020B0604020202020204" pitchFamily="34" charset="0"/>
              <a:buChar char="•"/>
            </a:pPr>
            <a:r>
              <a:rPr lang="en-US" dirty="0"/>
              <a:t>Payments go right to the customer’s bank account instead of being held in a third-party virtual wallet.</a:t>
            </a:r>
          </a:p>
          <a:p>
            <a:pPr marL="171450" indent="-171450">
              <a:buFont typeface="Arial" panose="020B0604020202020204" pitchFamily="34" charset="0"/>
              <a:buChar char="•"/>
            </a:pPr>
            <a:r>
              <a:rPr lang="en-US" dirty="0"/>
              <a:t>No more manually matching deposits to outstanding invoices </a:t>
            </a:r>
          </a:p>
          <a:p>
            <a:r>
              <a:rPr lang="en-US" dirty="0"/>
              <a:t>-----------------------------------------------------------------------------------</a:t>
            </a:r>
          </a:p>
          <a:p>
            <a:r>
              <a:rPr lang="en-US" dirty="0"/>
              <a:t>Another way that you can identify customers is to think about the services they would benefit from. </a:t>
            </a:r>
          </a:p>
          <a:p>
            <a:r>
              <a:rPr lang="en-US" dirty="0"/>
              <a:t>Again, this does not have to be done “in-person” but it can serve as a middle ground between in-person conversations and passively thinking of customer opportunities.</a:t>
            </a:r>
          </a:p>
          <a:p>
            <a:r>
              <a:rPr lang="en-US" dirty="0"/>
              <a:t>If your customer needs (CLICK FOR ANIMATION, READ BULLETS AS THEY APPEAR).</a:t>
            </a:r>
          </a:p>
          <a:p>
            <a:endParaRPr lang="en-US" dirty="0"/>
          </a:p>
          <a:p>
            <a:r>
              <a:rPr lang="en-US" dirty="0"/>
              <a:t>Some business type examples include (CLICK FOR ANIMATION, READ BULLETS AS THEY APPEAR).</a:t>
            </a:r>
          </a:p>
          <a:p>
            <a:endParaRPr lang="en-US" dirty="0"/>
          </a:p>
          <a:p>
            <a:r>
              <a:rPr lang="en-US" dirty="0"/>
              <a:t>If your customer has a business like these, or needs these services, it’s great to be proactive in conversations with them and moving them towards enrollment.</a:t>
            </a:r>
          </a:p>
          <a:p>
            <a:r>
              <a:rPr lang="en-US" dirty="0"/>
              <a:t>-----------------------------------------------------------------------------------</a:t>
            </a:r>
          </a:p>
          <a:p>
            <a:r>
              <a:rPr lang="en-US" dirty="0"/>
              <a:t>Here are some circumstances you can listen for when talking to your customer that indicate Autobooks may be a good fit for them:</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pPr marL="228600" indent="-228600">
              <a:buAutoNum type="arabicParenR"/>
            </a:pPr>
            <a:r>
              <a:rPr lang="en-US" dirty="0"/>
              <a:t>Chaos: do you know a customer that is struggling to keep up with managing their business? Maybe they’re falling behind on collecting overdue payments from customers, or maybe they’re spending hours and hours manually tracking payments and creating invoices. Autobooks technology automates many manual tracking steps for a business.</a:t>
            </a:r>
            <a:br>
              <a:rPr lang="en-US" dirty="0"/>
            </a:br>
            <a:endParaRPr lang="en-US" dirty="0"/>
          </a:p>
          <a:p>
            <a:pPr marL="228600" marR="0" lvl="0" indent="-228600" algn="l" defTabSz="914400" rtl="0" eaLnBrk="1" fontAlgn="auto" latinLnBrk="0" hangingPunct="1">
              <a:lnSpc>
                <a:spcPct val="100000"/>
              </a:lnSpc>
              <a:spcBef>
                <a:spcPts val="0"/>
              </a:spcBef>
              <a:spcAft>
                <a:spcPts val="0"/>
              </a:spcAft>
              <a:buClrTx/>
              <a:buSzTx/>
              <a:buFontTx/>
              <a:buAutoNum type="arabicParenR"/>
              <a:tabLst/>
              <a:defRPr/>
            </a:pPr>
            <a:r>
              <a:rPr lang="en-US" dirty="0"/>
              <a:t>Trust: Some customers have tried other third-party payment apps and have had a negative experience. Bad customer support, tech issues, or just too difficult to use.  Autobooks appeals to customers that have been burned in the past since the solution is baked right into their bank account. Customers know they can trust the services you provide, and they love your customer service. Plus, you’ve got the Autobooks team providing great customer service too!</a:t>
            </a:r>
            <a:br>
              <a:rPr lang="en-US" dirty="0"/>
            </a:br>
            <a:endParaRPr lang="en-US" dirty="0"/>
          </a:p>
          <a:p>
            <a:pPr marL="228600" indent="-228600">
              <a:buAutoNum type="arabicParenR"/>
            </a:pPr>
            <a:r>
              <a:rPr lang="en-US" dirty="0"/>
              <a:t>New Beginnings: It’s a great time to discuss Autobooks when you open new customer accounts! The solution is easy to use, and easy to get started…and priced right for new business owners.</a:t>
            </a:r>
          </a:p>
          <a:p>
            <a:endParaRPr lang="en-US" dirty="0"/>
          </a:p>
        </p:txBody>
      </p:sp>
      <p:sp>
        <p:nvSpPr>
          <p:cNvPr id="4" name="Slide Number Placeholder 3">
            <a:extLst>
              <a:ext uri="{FF2B5EF4-FFF2-40B4-BE49-F238E27FC236}">
                <a16:creationId xmlns:a16="http://schemas.microsoft.com/office/drawing/2014/main" id="{2E6AB080-E203-55AA-5B37-2E7023854885}"/>
              </a:ext>
            </a:extLst>
          </p:cNvPr>
          <p:cNvSpPr>
            <a:spLocks noGrp="1"/>
          </p:cNvSpPr>
          <p:nvPr>
            <p:ph type="sldNum" sz="quarter" idx="10"/>
          </p:nvPr>
        </p:nvSpPr>
        <p:spPr/>
        <p:txBody>
          <a:bodyPr/>
          <a:lstStyle/>
          <a:p>
            <a:fld id="{A8DA0297-835B-4005-A73E-7D056FBE2D9A}" type="slidenum">
              <a:rPr lang="ru-RU" smtClean="0"/>
              <a:t>12</a:t>
            </a:fld>
            <a:endParaRPr lang="ru-RU"/>
          </a:p>
        </p:txBody>
      </p:sp>
    </p:spTree>
    <p:extLst>
      <p:ext uri="{BB962C8B-B14F-4D97-AF65-F5344CB8AC3E}">
        <p14:creationId xmlns:p14="http://schemas.microsoft.com/office/powerpoint/2010/main" val="160506487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3D4CA0E-1B94-57B9-1849-1BE67109C09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F1B6EEF-EF07-84F4-D83A-648C50555AF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DF9C850-731F-05FE-D9B8-6AEDDB5CD661}"/>
              </a:ext>
            </a:extLst>
          </p:cNvPr>
          <p:cNvSpPr>
            <a:spLocks noGrp="1"/>
          </p:cNvSpPr>
          <p:nvPr>
            <p:ph type="body" idx="1"/>
          </p:nvPr>
        </p:nvSpPr>
        <p:spPr/>
        <p:txBody>
          <a:bodyPr/>
          <a:lstStyle/>
          <a:p>
            <a:r>
              <a:rPr lang="en-US"/>
              <a:t>Before we dive into WHAT the tools do, let’s see WHY these tools provide value to our customer; and HOW these tools help us achieve goals too.</a:t>
            </a:r>
          </a:p>
          <a:p>
            <a:endParaRPr lang="en-US"/>
          </a:p>
          <a:p>
            <a:endParaRPr lang="en-US"/>
          </a:p>
          <a:p>
            <a:r>
              <a:rPr lang="en-US"/>
              <a:t>---</a:t>
            </a:r>
          </a:p>
          <a:p>
            <a:r>
              <a:rPr lang="en-US"/>
              <a:t>GO TO NEXT SLIDE.</a:t>
            </a:r>
          </a:p>
          <a:p>
            <a:endParaRPr lang="en-US"/>
          </a:p>
        </p:txBody>
      </p:sp>
      <p:sp>
        <p:nvSpPr>
          <p:cNvPr id="4" name="Slide Number Placeholder 3">
            <a:extLst>
              <a:ext uri="{FF2B5EF4-FFF2-40B4-BE49-F238E27FC236}">
                <a16:creationId xmlns:a16="http://schemas.microsoft.com/office/drawing/2014/main" id="{D9006568-5B0B-FFA1-A551-9292E166CBB1}"/>
              </a:ext>
            </a:extLst>
          </p:cNvPr>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55D0D02-5E5E-BC43-824D-05545090B957}"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02665785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9.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xml"/></Relationships>
</file>

<file path=ppt/slideLayouts/_rels/slideLayout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xml"/></Relationships>
</file>

<file path=ppt/slideLayouts/_rels/slideLayout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3" name="Slide Number Placeholder 2">
            <a:extLst>
              <a:ext uri="{FF2B5EF4-FFF2-40B4-BE49-F238E27FC236}">
                <a16:creationId xmlns:a16="http://schemas.microsoft.com/office/drawing/2014/main" id="{BE72BD95-3398-6F4B-B3BB-D4977E8C0C55}"/>
              </a:ext>
            </a:extLst>
          </p:cNvPr>
          <p:cNvSpPr>
            <a:spLocks noGrp="1"/>
          </p:cNvSpPr>
          <p:nvPr>
            <p:ph type="sldNum" sz="quarter" idx="11"/>
          </p:nvPr>
        </p:nvSpPr>
        <p:spPr/>
        <p:txBody>
          <a:bodyPr/>
          <a:lstStyle/>
          <a:p>
            <a:fld id="{F7CADEA9-0AFC-B549-B690-A46B9B6402E4}" type="slidenum">
              <a:rPr lang="en-US" smtClean="0"/>
              <a:pPr/>
              <a:t>‹#›</a:t>
            </a:fld>
            <a:endParaRPr lang="en-US"/>
          </a:p>
        </p:txBody>
      </p:sp>
    </p:spTree>
    <p:extLst>
      <p:ext uri="{BB962C8B-B14F-4D97-AF65-F5344CB8AC3E}">
        <p14:creationId xmlns:p14="http://schemas.microsoft.com/office/powerpoint/2010/main" val="4258412577"/>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Title, Content &amp; Add Info">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6F53A172-15FD-BC4C-89C9-7F3D0C310CC7}"/>
              </a:ext>
            </a:extLst>
          </p:cNvPr>
          <p:cNvSpPr>
            <a:spLocks noGrp="1"/>
          </p:cNvSpPr>
          <p:nvPr>
            <p:ph idx="1" hasCustomPrompt="1"/>
          </p:nvPr>
        </p:nvSpPr>
        <p:spPr>
          <a:xfrm>
            <a:off x="609600" y="1960204"/>
            <a:ext cx="10972800" cy="4211989"/>
          </a:xfrm>
          <a:prstGeom prst="rect">
            <a:avLst/>
          </a:prstGeom>
        </p:spPr>
        <p:txBody>
          <a:bodyPr/>
          <a:lstStyle>
            <a:lvl1pPr marL="306910" indent="-306910">
              <a:lnSpc>
                <a:spcPct val="100000"/>
              </a:lnSpc>
              <a:tabLst/>
              <a:defRPr b="0" i="0">
                <a:solidFill>
                  <a:srgbClr val="5A6670"/>
                </a:solidFill>
                <a:latin typeface="+mn-lt"/>
              </a:defRPr>
            </a:lvl1pPr>
            <a:lvl2pPr>
              <a:lnSpc>
                <a:spcPct val="100000"/>
              </a:lnSpc>
              <a:defRPr b="0" i="0">
                <a:solidFill>
                  <a:srgbClr val="5A6670"/>
                </a:solidFill>
                <a:latin typeface="+mn-lt"/>
              </a:defRPr>
            </a:lvl2pPr>
            <a:lvl3pPr marL="1142971" indent="-228594">
              <a:lnSpc>
                <a:spcPct val="100000"/>
              </a:lnSpc>
              <a:defRPr lang="en-US" sz="1467" b="0" i="0" kern="1200" dirty="0">
                <a:solidFill>
                  <a:srgbClr val="5A6670"/>
                </a:solidFill>
                <a:latin typeface="+mn-lt"/>
                <a:ea typeface="+mn-ea"/>
                <a:cs typeface="+mn-cs"/>
              </a:defRPr>
            </a:lvl3pPr>
            <a:lvl4pPr>
              <a:lnSpc>
                <a:spcPct val="100000"/>
              </a:lnSpc>
              <a:defRPr b="0" i="0">
                <a:solidFill>
                  <a:srgbClr val="5A6670"/>
                </a:solidFill>
                <a:latin typeface="+mn-lt"/>
              </a:defRPr>
            </a:lvl4pPr>
            <a:lvl5pPr>
              <a:defRPr lang="en-US" sz="1333" b="0" i="0" kern="1200" dirty="0">
                <a:solidFill>
                  <a:srgbClr val="5A6670"/>
                </a:solidFill>
                <a:latin typeface="+mn-lt"/>
                <a:ea typeface="+mn-ea"/>
                <a:cs typeface="+mn-cs"/>
              </a:defRPr>
            </a:lvl5pPr>
          </a:lstStyle>
          <a:p>
            <a:pPr lvl="0"/>
            <a:r>
              <a:rPr lang="en-US"/>
              <a:t>Edit Master text styles</a:t>
            </a:r>
          </a:p>
          <a:p>
            <a:pPr lvl="1"/>
            <a:r>
              <a:rPr lang="en-US"/>
              <a:t>Second level</a:t>
            </a:r>
          </a:p>
          <a:p>
            <a:pPr marL="1142971" lvl="2" indent="-228594" algn="l" defTabSz="914377" rtl="0" eaLnBrk="1" latinLnBrk="0" hangingPunct="1">
              <a:lnSpc>
                <a:spcPct val="90000"/>
              </a:lnSpc>
              <a:spcBef>
                <a:spcPts val="0"/>
              </a:spcBef>
              <a:spcAft>
                <a:spcPts val="800"/>
              </a:spcAft>
              <a:buClr>
                <a:srgbClr val="5A6670"/>
              </a:buClr>
              <a:buSzPct val="75000"/>
              <a:buFont typeface="Wingdings" pitchFamily="2" charset="2"/>
              <a:buChar char="§"/>
            </a:pPr>
            <a:r>
              <a:rPr lang="en-US"/>
              <a:t>Third level</a:t>
            </a:r>
          </a:p>
          <a:p>
            <a:pPr lvl="3"/>
            <a:r>
              <a:rPr lang="en-US"/>
              <a:t>Fourth level</a:t>
            </a:r>
          </a:p>
        </p:txBody>
      </p:sp>
      <p:sp>
        <p:nvSpPr>
          <p:cNvPr id="2" name="Title 1">
            <a:extLst>
              <a:ext uri="{FF2B5EF4-FFF2-40B4-BE49-F238E27FC236}">
                <a16:creationId xmlns:a16="http://schemas.microsoft.com/office/drawing/2014/main" id="{AE3BDF0C-4CA1-A14A-8F6C-C2809002A8F6}"/>
              </a:ext>
            </a:extLst>
          </p:cNvPr>
          <p:cNvSpPr>
            <a:spLocks noGrp="1"/>
          </p:cNvSpPr>
          <p:nvPr>
            <p:ph type="title" hasCustomPrompt="1"/>
          </p:nvPr>
        </p:nvSpPr>
        <p:spPr/>
        <p:txBody>
          <a:bodyPr/>
          <a:lstStyle>
            <a:lvl1pPr>
              <a:defRPr>
                <a:latin typeface="+mj-lt"/>
              </a:defRPr>
            </a:lvl1pPr>
          </a:lstStyle>
          <a:p>
            <a:r>
              <a:rPr lang="en-US"/>
              <a:t>Title Placeholder Text - Click to edit </a:t>
            </a:r>
          </a:p>
        </p:txBody>
      </p:sp>
      <p:sp>
        <p:nvSpPr>
          <p:cNvPr id="5" name="Content Placeholder 2">
            <a:extLst>
              <a:ext uri="{FF2B5EF4-FFF2-40B4-BE49-F238E27FC236}">
                <a16:creationId xmlns:a16="http://schemas.microsoft.com/office/drawing/2014/main" id="{001B0570-A49B-0C42-B22E-BEEAD24FDC56}"/>
              </a:ext>
            </a:extLst>
          </p:cNvPr>
          <p:cNvSpPr>
            <a:spLocks noGrp="1"/>
          </p:cNvSpPr>
          <p:nvPr>
            <p:ph idx="10" hasCustomPrompt="1"/>
          </p:nvPr>
        </p:nvSpPr>
        <p:spPr>
          <a:xfrm>
            <a:off x="609600" y="1290405"/>
            <a:ext cx="10972800" cy="381643"/>
          </a:xfrm>
          <a:prstGeom prst="rect">
            <a:avLst/>
          </a:prstGeom>
        </p:spPr>
        <p:txBody>
          <a:bodyPr>
            <a:spAutoFit/>
          </a:bodyPr>
          <a:lstStyle>
            <a:lvl1pPr marL="0" indent="0">
              <a:buNone/>
              <a:defRPr sz="1867" b="0" i="0" cap="all" spc="133" baseline="0">
                <a:solidFill>
                  <a:srgbClr val="008BAC"/>
                </a:solidFill>
                <a:latin typeface="+mj-lt"/>
              </a:defRPr>
            </a:lvl1pPr>
            <a:lvl2pPr marL="457189" indent="0">
              <a:buNone/>
              <a:defRPr>
                <a:solidFill>
                  <a:srgbClr val="5A6670"/>
                </a:solidFill>
              </a:defRPr>
            </a:lvl2pPr>
            <a:lvl3pPr>
              <a:defRPr>
                <a:solidFill>
                  <a:srgbClr val="5A6670"/>
                </a:solidFill>
              </a:defRPr>
            </a:lvl3pPr>
            <a:lvl4pPr>
              <a:defRPr>
                <a:solidFill>
                  <a:srgbClr val="5A6670"/>
                </a:solidFill>
              </a:defRPr>
            </a:lvl4pPr>
            <a:lvl5pPr>
              <a:defRPr>
                <a:solidFill>
                  <a:srgbClr val="5A6670"/>
                </a:solidFill>
              </a:defRPr>
            </a:lvl5pPr>
          </a:lstStyle>
          <a:p>
            <a:pPr lvl="0"/>
            <a:r>
              <a:rPr lang="en-US"/>
              <a:t>ADDITIONAL TITLE DETAILS</a:t>
            </a:r>
          </a:p>
        </p:txBody>
      </p:sp>
      <p:sp>
        <p:nvSpPr>
          <p:cNvPr id="10" name="Footer Placeholder 9">
            <a:extLst>
              <a:ext uri="{FF2B5EF4-FFF2-40B4-BE49-F238E27FC236}">
                <a16:creationId xmlns:a16="http://schemas.microsoft.com/office/drawing/2014/main" id="{C87F598B-A512-E645-BF18-2204D099C84E}"/>
              </a:ext>
            </a:extLst>
          </p:cNvPr>
          <p:cNvSpPr>
            <a:spLocks noGrp="1"/>
          </p:cNvSpPr>
          <p:nvPr>
            <p:ph type="ftr" sz="quarter" idx="1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11" name="Slide Number Placeholder 10">
            <a:extLst>
              <a:ext uri="{FF2B5EF4-FFF2-40B4-BE49-F238E27FC236}">
                <a16:creationId xmlns:a16="http://schemas.microsoft.com/office/drawing/2014/main" id="{23482F4E-ED61-9B43-97BF-0910C1F7579C}"/>
              </a:ext>
            </a:extLst>
          </p:cNvPr>
          <p:cNvSpPr>
            <a:spLocks noGrp="1"/>
          </p:cNvSpPr>
          <p:nvPr>
            <p:ph type="sldNum" sz="quarter" idx="12"/>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149765635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1_Title, Content &amp; Add Info">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6F53A172-15FD-BC4C-89C9-7F3D0C310CC7}"/>
              </a:ext>
            </a:extLst>
          </p:cNvPr>
          <p:cNvSpPr>
            <a:spLocks noGrp="1"/>
          </p:cNvSpPr>
          <p:nvPr>
            <p:ph idx="1" hasCustomPrompt="1"/>
          </p:nvPr>
        </p:nvSpPr>
        <p:spPr>
          <a:xfrm>
            <a:off x="609600" y="1549402"/>
            <a:ext cx="10972800" cy="3375397"/>
          </a:xfrm>
          <a:prstGeom prst="rect">
            <a:avLst/>
          </a:prstGeom>
        </p:spPr>
        <p:txBody>
          <a:bodyPr/>
          <a:lstStyle>
            <a:lvl1pPr>
              <a:defRPr b="0" i="0">
                <a:solidFill>
                  <a:srgbClr val="5A6670"/>
                </a:solidFill>
                <a:latin typeface="+mn-lt"/>
              </a:defRPr>
            </a:lvl1pPr>
            <a:lvl2pPr>
              <a:defRPr b="0" i="0">
                <a:solidFill>
                  <a:srgbClr val="5A6670"/>
                </a:solidFill>
                <a:latin typeface="+mn-lt"/>
              </a:defRPr>
            </a:lvl2pPr>
            <a:lvl3pPr marL="1142971" indent="-228594">
              <a:defRPr lang="en-US" sz="1467" b="0" i="0" kern="1200" dirty="0">
                <a:solidFill>
                  <a:srgbClr val="5A6670"/>
                </a:solidFill>
                <a:latin typeface="+mn-lt"/>
                <a:ea typeface="+mn-ea"/>
                <a:cs typeface="+mn-cs"/>
              </a:defRPr>
            </a:lvl3pPr>
            <a:lvl4pPr>
              <a:defRPr b="0" i="0">
                <a:solidFill>
                  <a:srgbClr val="5A6670"/>
                </a:solidFill>
                <a:latin typeface="+mn-lt"/>
              </a:defRPr>
            </a:lvl4pPr>
            <a:lvl5pPr>
              <a:defRPr lang="en-US" sz="1333" b="0" i="0" kern="1200" dirty="0">
                <a:solidFill>
                  <a:srgbClr val="5A6670"/>
                </a:solidFill>
                <a:latin typeface="+mn-lt"/>
                <a:ea typeface="+mn-ea"/>
                <a:cs typeface="+mn-cs"/>
              </a:defRPr>
            </a:lvl5pPr>
          </a:lstStyle>
          <a:p>
            <a:pPr lvl="0"/>
            <a:r>
              <a:rPr lang="en-US"/>
              <a:t>Edit Master text styles</a:t>
            </a:r>
          </a:p>
          <a:p>
            <a:pPr lvl="1"/>
            <a:r>
              <a:rPr lang="en-US"/>
              <a:t>Second level</a:t>
            </a:r>
          </a:p>
          <a:p>
            <a:pPr marL="1142971" lvl="2" indent="-228594" algn="l" defTabSz="914377" rtl="0" eaLnBrk="1" latinLnBrk="0" hangingPunct="1">
              <a:lnSpc>
                <a:spcPct val="90000"/>
              </a:lnSpc>
              <a:spcBef>
                <a:spcPts val="0"/>
              </a:spcBef>
              <a:spcAft>
                <a:spcPts val="800"/>
              </a:spcAft>
              <a:buClr>
                <a:srgbClr val="5A6670"/>
              </a:buClr>
              <a:buSzPct val="75000"/>
              <a:buFont typeface="Wingdings" pitchFamily="2" charset="2"/>
              <a:buChar char="§"/>
            </a:pPr>
            <a:r>
              <a:rPr lang="en-US"/>
              <a:t>Third level</a:t>
            </a:r>
          </a:p>
          <a:p>
            <a:pPr lvl="3"/>
            <a:r>
              <a:rPr lang="en-US"/>
              <a:t>Fourth level</a:t>
            </a:r>
          </a:p>
        </p:txBody>
      </p:sp>
      <p:sp>
        <p:nvSpPr>
          <p:cNvPr id="2" name="Title 1">
            <a:extLst>
              <a:ext uri="{FF2B5EF4-FFF2-40B4-BE49-F238E27FC236}">
                <a16:creationId xmlns:a16="http://schemas.microsoft.com/office/drawing/2014/main" id="{AE3BDF0C-4CA1-A14A-8F6C-C2809002A8F6}"/>
              </a:ext>
            </a:extLst>
          </p:cNvPr>
          <p:cNvSpPr>
            <a:spLocks noGrp="1"/>
          </p:cNvSpPr>
          <p:nvPr>
            <p:ph type="title"/>
          </p:nvPr>
        </p:nvSpPr>
        <p:spPr/>
        <p:txBody>
          <a:bodyPr/>
          <a:lstStyle>
            <a:lvl1pPr>
              <a:defRPr>
                <a:latin typeface="+mj-lt"/>
              </a:defRPr>
            </a:lvl1pPr>
          </a:lstStyle>
          <a:p>
            <a:r>
              <a:rPr lang="en-US"/>
              <a:t>Click to edit Master title style</a:t>
            </a:r>
          </a:p>
        </p:txBody>
      </p:sp>
      <p:sp>
        <p:nvSpPr>
          <p:cNvPr id="5" name="Content Placeholder 2">
            <a:extLst>
              <a:ext uri="{FF2B5EF4-FFF2-40B4-BE49-F238E27FC236}">
                <a16:creationId xmlns:a16="http://schemas.microsoft.com/office/drawing/2014/main" id="{001B0570-A49B-0C42-B22E-BEEAD24FDC56}"/>
              </a:ext>
            </a:extLst>
          </p:cNvPr>
          <p:cNvSpPr>
            <a:spLocks noGrp="1"/>
          </p:cNvSpPr>
          <p:nvPr>
            <p:ph idx="10" hasCustomPrompt="1"/>
          </p:nvPr>
        </p:nvSpPr>
        <p:spPr>
          <a:xfrm>
            <a:off x="609600" y="5314842"/>
            <a:ext cx="10972800" cy="861775"/>
          </a:xfrm>
          <a:prstGeom prst="rect">
            <a:avLst/>
          </a:prstGeom>
        </p:spPr>
        <p:txBody>
          <a:bodyPr>
            <a:noAutofit/>
          </a:bodyPr>
          <a:lstStyle>
            <a:lvl1pPr marL="0" indent="0">
              <a:lnSpc>
                <a:spcPct val="100000"/>
              </a:lnSpc>
              <a:buNone/>
              <a:defRPr sz="1600" b="0" i="0">
                <a:solidFill>
                  <a:srgbClr val="008BAC"/>
                </a:solidFill>
                <a:latin typeface="+mn-lt"/>
              </a:defRPr>
            </a:lvl1pPr>
            <a:lvl2pPr marL="457189" indent="0">
              <a:buNone/>
              <a:defRPr>
                <a:solidFill>
                  <a:srgbClr val="5A6670"/>
                </a:solidFill>
              </a:defRPr>
            </a:lvl2pPr>
            <a:lvl3pPr>
              <a:defRPr>
                <a:solidFill>
                  <a:srgbClr val="5A6670"/>
                </a:solidFill>
              </a:defRPr>
            </a:lvl3pPr>
            <a:lvl4pPr>
              <a:defRPr>
                <a:solidFill>
                  <a:srgbClr val="5A6670"/>
                </a:solidFill>
              </a:defRPr>
            </a:lvl4pPr>
            <a:lvl5pPr>
              <a:defRPr>
                <a:solidFill>
                  <a:srgbClr val="5A6670"/>
                </a:solidFill>
              </a:defRPr>
            </a:lvl5pPr>
          </a:lstStyle>
          <a:p>
            <a:pPr lvl="0"/>
            <a:r>
              <a:rPr lang="en-US"/>
              <a:t>Additional information – Click to edit</a:t>
            </a:r>
          </a:p>
        </p:txBody>
      </p:sp>
      <p:sp>
        <p:nvSpPr>
          <p:cNvPr id="4" name="Footer Placeholder 3">
            <a:extLst>
              <a:ext uri="{FF2B5EF4-FFF2-40B4-BE49-F238E27FC236}">
                <a16:creationId xmlns:a16="http://schemas.microsoft.com/office/drawing/2014/main" id="{98039AD6-6A31-1F49-B56D-3B93F22E683C}"/>
              </a:ext>
            </a:extLst>
          </p:cNvPr>
          <p:cNvSpPr>
            <a:spLocks noGrp="1"/>
          </p:cNvSpPr>
          <p:nvPr>
            <p:ph type="ftr" sz="quarter" idx="1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6" name="Slide Number Placeholder 5">
            <a:extLst>
              <a:ext uri="{FF2B5EF4-FFF2-40B4-BE49-F238E27FC236}">
                <a16:creationId xmlns:a16="http://schemas.microsoft.com/office/drawing/2014/main" id="{198C7C02-5E60-1444-840B-3A2F091EB710}"/>
              </a:ext>
            </a:extLst>
          </p:cNvPr>
          <p:cNvSpPr>
            <a:spLocks noGrp="1"/>
          </p:cNvSpPr>
          <p:nvPr>
            <p:ph type="sldNum" sz="quarter" idx="12"/>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1103867924"/>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609600" y="1549401"/>
            <a:ext cx="5410200" cy="4627564"/>
          </a:xfrm>
          <a:prstGeom prst="rect">
            <a:avLst/>
          </a:prstGeom>
        </p:spPr>
        <p:txBody>
          <a:bodyPr/>
          <a:lstStyle>
            <a:lvl1pPr>
              <a:lnSpc>
                <a:spcPct val="100000"/>
              </a:lnSpc>
              <a:defRPr>
                <a:latin typeface="+mn-lt"/>
              </a:defRPr>
            </a:lvl1pPr>
            <a:lvl2pPr>
              <a:lnSpc>
                <a:spcPct val="100000"/>
              </a:lnSpc>
              <a:defRPr>
                <a:latin typeface="+mn-lt"/>
              </a:defRPr>
            </a:lvl2pPr>
            <a:lvl3pPr marL="1142971" indent="-228594">
              <a:lnSpc>
                <a:spcPct val="100000"/>
              </a:lnSpc>
              <a:defRPr lang="en-US" sz="1467" b="0" i="0" kern="1200" dirty="0" smtClean="0">
                <a:solidFill>
                  <a:srgbClr val="5A6670"/>
                </a:solidFill>
                <a:latin typeface="+mn-lt"/>
                <a:ea typeface="+mn-ea"/>
                <a:cs typeface="+mn-cs"/>
              </a:defRPr>
            </a:lvl3pPr>
            <a:lvl4pPr>
              <a:lnSpc>
                <a:spcPct val="100000"/>
              </a:lnSpc>
              <a:defRPr>
                <a:latin typeface="+mn-lt"/>
              </a:defRPr>
            </a:lvl4pPr>
            <a:lvl5pPr>
              <a:defRPr lang="en-US" sz="1333" b="0" i="0" kern="1200" dirty="0">
                <a:solidFill>
                  <a:srgbClr val="5A6670"/>
                </a:solidFill>
                <a:latin typeface="+mn-lt"/>
                <a:ea typeface="+mn-ea"/>
                <a:cs typeface="+mn-cs"/>
              </a:defRPr>
            </a:lvl5pPr>
          </a:lstStyle>
          <a:p>
            <a:pPr lvl="0"/>
            <a:r>
              <a:rPr lang="en-US"/>
              <a:t>Click to edit Master text styles</a:t>
            </a:r>
          </a:p>
          <a:p>
            <a:pPr lvl="1"/>
            <a:r>
              <a:rPr lang="en-US"/>
              <a:t>Second level</a:t>
            </a:r>
          </a:p>
          <a:p>
            <a:pPr lvl="2"/>
            <a:r>
              <a:rPr lang="en-US"/>
              <a:t>Third level</a:t>
            </a:r>
          </a:p>
          <a:p>
            <a:pPr lvl="3"/>
            <a:r>
              <a:rPr lang="en-US"/>
              <a:t>Fourth level</a:t>
            </a:r>
          </a:p>
        </p:txBody>
      </p:sp>
      <p:sp>
        <p:nvSpPr>
          <p:cNvPr id="4" name="Content Placeholder 3"/>
          <p:cNvSpPr>
            <a:spLocks noGrp="1"/>
          </p:cNvSpPr>
          <p:nvPr>
            <p:ph sz="half" idx="2"/>
          </p:nvPr>
        </p:nvSpPr>
        <p:spPr>
          <a:xfrm>
            <a:off x="6172200" y="1549401"/>
            <a:ext cx="5410200" cy="4627564"/>
          </a:xfrm>
          <a:prstGeom prst="rect">
            <a:avLst/>
          </a:prstGeom>
        </p:spPr>
        <p:txBody>
          <a:bodyPr/>
          <a:lstStyle>
            <a:lvl1pPr>
              <a:lnSpc>
                <a:spcPct val="100000"/>
              </a:lnSpc>
              <a:defRPr>
                <a:latin typeface="+mn-lt"/>
              </a:defRPr>
            </a:lvl1pPr>
            <a:lvl2pPr>
              <a:lnSpc>
                <a:spcPct val="100000"/>
              </a:lnSpc>
              <a:defRPr>
                <a:latin typeface="+mn-lt"/>
              </a:defRPr>
            </a:lvl2pPr>
            <a:lvl3pPr marL="1142971" indent="-228594">
              <a:lnSpc>
                <a:spcPct val="100000"/>
              </a:lnSpc>
              <a:defRPr lang="en-US" sz="1467" b="0" i="0" kern="1200" dirty="0" smtClean="0">
                <a:solidFill>
                  <a:srgbClr val="5A6670"/>
                </a:solidFill>
                <a:latin typeface="+mn-lt"/>
                <a:ea typeface="+mn-ea"/>
                <a:cs typeface="+mn-cs"/>
              </a:defRPr>
            </a:lvl3pPr>
            <a:lvl4pPr>
              <a:lnSpc>
                <a:spcPct val="100000"/>
              </a:lnSpc>
              <a:defRPr>
                <a:latin typeface="+mn-lt"/>
              </a:defRPr>
            </a:lvl4pPr>
            <a:lvl5pPr>
              <a:defRPr lang="en-US" sz="1333" b="0" i="0" kern="1200" dirty="0">
                <a:solidFill>
                  <a:srgbClr val="5A6670"/>
                </a:solidFill>
                <a:latin typeface="+mn-lt"/>
                <a:ea typeface="+mn-ea"/>
                <a:cs typeface="+mn-cs"/>
              </a:defRPr>
            </a:lvl5pPr>
          </a:lstStyle>
          <a:p>
            <a:pPr lvl="0"/>
            <a:r>
              <a:rPr lang="en-US"/>
              <a:t>Click to edit Master text styles</a:t>
            </a:r>
          </a:p>
          <a:p>
            <a:pPr lvl="1"/>
            <a:r>
              <a:rPr lang="en-US"/>
              <a:t>Second level</a:t>
            </a:r>
          </a:p>
          <a:p>
            <a:pPr lvl="2"/>
            <a:r>
              <a:rPr lang="en-US"/>
              <a:t>Third level</a:t>
            </a:r>
          </a:p>
          <a:p>
            <a:pPr lvl="3"/>
            <a:r>
              <a:rPr lang="en-US"/>
              <a:t>Fourth level</a:t>
            </a:r>
          </a:p>
        </p:txBody>
      </p:sp>
      <p:sp>
        <p:nvSpPr>
          <p:cNvPr id="5" name="Footer Placeholder 4">
            <a:extLst>
              <a:ext uri="{FF2B5EF4-FFF2-40B4-BE49-F238E27FC236}">
                <a16:creationId xmlns:a16="http://schemas.microsoft.com/office/drawing/2014/main" id="{BA61DD6C-8195-4440-A54F-A0908CB06528}"/>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6" name="Slide Number Placeholder 5">
            <a:extLst>
              <a:ext uri="{FF2B5EF4-FFF2-40B4-BE49-F238E27FC236}">
                <a16:creationId xmlns:a16="http://schemas.microsoft.com/office/drawing/2014/main" id="{E35D029E-AEBB-B044-A1E4-8DEA40607423}"/>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2198322027"/>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09600" y="181864"/>
            <a:ext cx="10972800" cy="1011936"/>
          </a:xfrm>
        </p:spPr>
        <p:txBody>
          <a:bodyPr vert="horz" lIns="91440" tIns="45720" rIns="91440" bIns="45720" rtlCol="0" anchor="b">
            <a:noAutofit/>
          </a:bodyPr>
          <a:lstStyle>
            <a:lvl1pPr>
              <a:defRPr lang="en-US" dirty="0"/>
            </a:lvl1pPr>
          </a:lstStyle>
          <a:p>
            <a:pPr lvl="0"/>
            <a:r>
              <a:rPr lang="en-US"/>
              <a:t>Click to edit Master title style</a:t>
            </a:r>
          </a:p>
        </p:txBody>
      </p:sp>
      <p:sp>
        <p:nvSpPr>
          <p:cNvPr id="3" name="Text Placeholder 2"/>
          <p:cNvSpPr>
            <a:spLocks noGrp="1"/>
          </p:cNvSpPr>
          <p:nvPr>
            <p:ph type="body" idx="1"/>
          </p:nvPr>
        </p:nvSpPr>
        <p:spPr>
          <a:xfrm>
            <a:off x="609600" y="1353311"/>
            <a:ext cx="5387976" cy="823912"/>
          </a:xfrm>
          <a:prstGeom prst="rect">
            <a:avLst/>
          </a:prstGeom>
        </p:spPr>
        <p:txBody>
          <a:bodyPr anchor="ctr">
            <a:normAutofit/>
          </a:bodyPr>
          <a:lstStyle>
            <a:lvl1pPr marL="0" indent="0">
              <a:buNone/>
              <a:defRPr sz="1867" b="0">
                <a:solidFill>
                  <a:schemeClr val="accent1"/>
                </a:solidFill>
                <a:latin typeface="+mj-lt"/>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a:t>Click to edit Master text styles</a:t>
            </a:r>
          </a:p>
        </p:txBody>
      </p:sp>
      <p:sp>
        <p:nvSpPr>
          <p:cNvPr id="4" name="Content Placeholder 3"/>
          <p:cNvSpPr>
            <a:spLocks noGrp="1"/>
          </p:cNvSpPr>
          <p:nvPr>
            <p:ph sz="half" idx="2"/>
          </p:nvPr>
        </p:nvSpPr>
        <p:spPr>
          <a:xfrm>
            <a:off x="609600" y="2177224"/>
            <a:ext cx="5387976" cy="4012440"/>
          </a:xfrm>
          <a:prstGeom prst="rect">
            <a:avLst/>
          </a:prstGeom>
        </p:spPr>
        <p:txBody>
          <a:bodyPr/>
          <a:lstStyle>
            <a:lvl1pPr>
              <a:lnSpc>
                <a:spcPct val="100000"/>
              </a:lnSpc>
              <a:defRPr>
                <a:latin typeface="+mn-lt"/>
              </a:defRPr>
            </a:lvl1pPr>
            <a:lvl2pPr>
              <a:lnSpc>
                <a:spcPct val="100000"/>
              </a:lnSpc>
              <a:defRPr>
                <a:latin typeface="+mn-lt"/>
              </a:defRPr>
            </a:lvl2pPr>
            <a:lvl3pPr marL="1142971" indent="-228594">
              <a:lnSpc>
                <a:spcPct val="100000"/>
              </a:lnSpc>
              <a:defRPr lang="en-US" sz="1467" b="0" i="0" kern="1200" dirty="0" smtClean="0">
                <a:solidFill>
                  <a:srgbClr val="5A6670"/>
                </a:solidFill>
                <a:latin typeface="+mn-lt"/>
                <a:ea typeface="+mn-ea"/>
                <a:cs typeface="+mn-cs"/>
              </a:defRPr>
            </a:lvl3pPr>
            <a:lvl4pPr>
              <a:lnSpc>
                <a:spcPct val="100000"/>
              </a:lnSpc>
              <a:defRPr>
                <a:latin typeface="+mn-lt"/>
              </a:defRPr>
            </a:lvl4pPr>
            <a:lvl5pPr marL="1828754" indent="0">
              <a:buNone/>
              <a:defRPr lang="en-US" sz="1333" b="0" i="0" kern="1200" dirty="0">
                <a:solidFill>
                  <a:srgbClr val="5A6670"/>
                </a:solidFill>
                <a:latin typeface="+mn-lt"/>
                <a:ea typeface="+mn-ea"/>
                <a:cs typeface="+mn-cs"/>
              </a:defRPr>
            </a:lvl5pPr>
          </a:lstStyle>
          <a:p>
            <a:pPr lvl="0"/>
            <a:r>
              <a:rPr lang="en-US"/>
              <a:t>Click to edit Master text styles</a:t>
            </a:r>
          </a:p>
          <a:p>
            <a:pPr lvl="1"/>
            <a:r>
              <a:rPr lang="en-US"/>
              <a:t>Second level</a:t>
            </a:r>
          </a:p>
          <a:p>
            <a:pPr lvl="2"/>
            <a:r>
              <a:rPr lang="en-US"/>
              <a:t>Third level</a:t>
            </a:r>
          </a:p>
          <a:p>
            <a:pPr lvl="3"/>
            <a:r>
              <a:rPr lang="en-US"/>
              <a:t>Fourth level</a:t>
            </a:r>
          </a:p>
        </p:txBody>
      </p:sp>
      <p:sp>
        <p:nvSpPr>
          <p:cNvPr id="5" name="Text Placeholder 4"/>
          <p:cNvSpPr>
            <a:spLocks noGrp="1"/>
          </p:cNvSpPr>
          <p:nvPr>
            <p:ph type="body" sz="quarter" idx="3"/>
          </p:nvPr>
        </p:nvSpPr>
        <p:spPr>
          <a:xfrm>
            <a:off x="6194427" y="1353311"/>
            <a:ext cx="5388864" cy="823912"/>
          </a:xfrm>
          <a:prstGeom prst="rect">
            <a:avLst/>
          </a:prstGeom>
        </p:spPr>
        <p:txBody>
          <a:bodyPr anchor="ctr">
            <a:normAutofit/>
          </a:bodyPr>
          <a:lstStyle>
            <a:lvl1pPr marL="0" indent="0">
              <a:buNone/>
              <a:defRPr sz="1867" b="0">
                <a:solidFill>
                  <a:schemeClr val="accent1"/>
                </a:solidFill>
                <a:latin typeface="+mj-lt"/>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94427" y="2177224"/>
            <a:ext cx="5388864" cy="4012440"/>
          </a:xfrm>
          <a:prstGeom prst="rect">
            <a:avLst/>
          </a:prstGeom>
        </p:spPr>
        <p:txBody>
          <a:bodyPr/>
          <a:lstStyle>
            <a:lvl1pPr>
              <a:lnSpc>
                <a:spcPct val="100000"/>
              </a:lnSpc>
              <a:defRPr>
                <a:latin typeface="+mn-lt"/>
              </a:defRPr>
            </a:lvl1pPr>
            <a:lvl2pPr>
              <a:lnSpc>
                <a:spcPct val="100000"/>
              </a:lnSpc>
              <a:defRPr>
                <a:latin typeface="+mn-lt"/>
              </a:defRPr>
            </a:lvl2pPr>
            <a:lvl3pPr marL="1142971" indent="-228594">
              <a:lnSpc>
                <a:spcPct val="100000"/>
              </a:lnSpc>
              <a:defRPr lang="en-US" sz="1467" b="0" i="0" kern="1200" dirty="0" smtClean="0">
                <a:solidFill>
                  <a:srgbClr val="5A6670"/>
                </a:solidFill>
                <a:latin typeface="+mn-lt"/>
                <a:ea typeface="+mn-ea"/>
                <a:cs typeface="+mn-cs"/>
              </a:defRPr>
            </a:lvl3pPr>
            <a:lvl4pPr>
              <a:lnSpc>
                <a:spcPct val="100000"/>
              </a:lnSpc>
              <a:defRPr>
                <a:latin typeface="+mn-lt"/>
              </a:defRPr>
            </a:lvl4pPr>
            <a:lvl5pPr>
              <a:defRPr lang="en-US" sz="1333" b="0" i="0" kern="1200" dirty="0">
                <a:solidFill>
                  <a:srgbClr val="5A6670"/>
                </a:solidFill>
                <a:latin typeface="+mn-lt"/>
                <a:ea typeface="+mn-ea"/>
                <a:cs typeface="+mn-cs"/>
              </a:defRPr>
            </a:lvl5pPr>
          </a:lstStyle>
          <a:p>
            <a:pPr lvl="0"/>
            <a:r>
              <a:rPr lang="en-US"/>
              <a:t>Click to edit Master text styles</a:t>
            </a:r>
          </a:p>
          <a:p>
            <a:pPr lvl="1"/>
            <a:r>
              <a:rPr lang="en-US"/>
              <a:t>Second level</a:t>
            </a:r>
          </a:p>
          <a:p>
            <a:pPr lvl="2"/>
            <a:r>
              <a:rPr lang="en-US"/>
              <a:t>Third level</a:t>
            </a:r>
          </a:p>
          <a:p>
            <a:pPr lvl="3"/>
            <a:r>
              <a:rPr lang="en-US"/>
              <a:t>Fourth level</a:t>
            </a:r>
          </a:p>
        </p:txBody>
      </p:sp>
      <p:sp>
        <p:nvSpPr>
          <p:cNvPr id="7" name="Footer Placeholder 6">
            <a:extLst>
              <a:ext uri="{FF2B5EF4-FFF2-40B4-BE49-F238E27FC236}">
                <a16:creationId xmlns:a16="http://schemas.microsoft.com/office/drawing/2014/main" id="{AA07D760-E354-DE46-916E-06A4FD39F44A}"/>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8" name="Slide Number Placeholder 7">
            <a:extLst>
              <a:ext uri="{FF2B5EF4-FFF2-40B4-BE49-F238E27FC236}">
                <a16:creationId xmlns:a16="http://schemas.microsoft.com/office/drawing/2014/main" id="{C453EBEA-001D-3B40-A518-9C631CEB6CBD}"/>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3498140461"/>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nchor="ctr"/>
          <a:lstStyle>
            <a:lvl1pPr algn="ctr">
              <a:defRPr/>
            </a:lvl1pPr>
          </a:lstStyle>
          <a:p>
            <a:r>
              <a:rPr lang="en-US"/>
              <a:t>Click to edit Master title style</a:t>
            </a:r>
          </a:p>
        </p:txBody>
      </p:sp>
      <p:sp>
        <p:nvSpPr>
          <p:cNvPr id="3" name="Footer Placeholder 2">
            <a:extLst>
              <a:ext uri="{FF2B5EF4-FFF2-40B4-BE49-F238E27FC236}">
                <a16:creationId xmlns:a16="http://schemas.microsoft.com/office/drawing/2014/main" id="{7AEA5061-E23A-BA41-9DA9-9DD4F42C8C7F}"/>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4" name="Slide Number Placeholder 3">
            <a:extLst>
              <a:ext uri="{FF2B5EF4-FFF2-40B4-BE49-F238E27FC236}">
                <a16:creationId xmlns:a16="http://schemas.microsoft.com/office/drawing/2014/main" id="{37BCA43D-F448-124E-AB59-459936F88A91}"/>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3937217"/>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itleOnly" preserve="1">
  <p:cSld name="Title Only - with underline">
    <p:spTree>
      <p:nvGrpSpPr>
        <p:cNvPr id="1" name=""/>
        <p:cNvGrpSpPr/>
        <p:nvPr/>
      </p:nvGrpSpPr>
      <p:grpSpPr>
        <a:xfrm>
          <a:off x="0" y="0"/>
          <a:ext cx="0" cy="0"/>
          <a:chOff x="0" y="0"/>
          <a:chExt cx="0" cy="0"/>
        </a:xfrm>
      </p:grpSpPr>
      <p:sp>
        <p:nvSpPr>
          <p:cNvPr id="2" name="Title 1"/>
          <p:cNvSpPr>
            <a:spLocks noGrp="1"/>
          </p:cNvSpPr>
          <p:nvPr>
            <p:ph type="title"/>
          </p:nvPr>
        </p:nvSpPr>
        <p:spPr/>
        <p:txBody>
          <a:bodyPr anchor="ctr"/>
          <a:lstStyle>
            <a:lvl1pPr algn="ctr">
              <a:defRPr/>
            </a:lvl1pPr>
          </a:lstStyle>
          <a:p>
            <a:r>
              <a:rPr lang="en-US"/>
              <a:t>Click to edit Master title style</a:t>
            </a:r>
          </a:p>
        </p:txBody>
      </p:sp>
      <p:cxnSp>
        <p:nvCxnSpPr>
          <p:cNvPr id="3" name="Straight Connector 2">
            <a:extLst>
              <a:ext uri="{FF2B5EF4-FFF2-40B4-BE49-F238E27FC236}">
                <a16:creationId xmlns:a16="http://schemas.microsoft.com/office/drawing/2014/main" id="{049D3E2E-4AAD-4441-B4E7-C41CA62B899C}"/>
              </a:ext>
            </a:extLst>
          </p:cNvPr>
          <p:cNvCxnSpPr>
            <a:cxnSpLocks/>
          </p:cNvCxnSpPr>
          <p:nvPr/>
        </p:nvCxnSpPr>
        <p:spPr>
          <a:xfrm>
            <a:off x="5657833" y="1368903"/>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sp>
        <p:nvSpPr>
          <p:cNvPr id="4" name="Footer Placeholder 3">
            <a:extLst>
              <a:ext uri="{FF2B5EF4-FFF2-40B4-BE49-F238E27FC236}">
                <a16:creationId xmlns:a16="http://schemas.microsoft.com/office/drawing/2014/main" id="{EA064C33-45F8-9640-B7C5-E5B43338ABBB}"/>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5" name="Slide Number Placeholder 4">
            <a:extLst>
              <a:ext uri="{FF2B5EF4-FFF2-40B4-BE49-F238E27FC236}">
                <a16:creationId xmlns:a16="http://schemas.microsoft.com/office/drawing/2014/main" id="{E3C099DC-CB5C-E24C-BE6A-62E6FB692BE1}"/>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213938580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itleOnly" preserve="1">
  <p:cSld name="Title Only - dark blue">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C97214E-C805-8C47-9E6A-2D804A1C04C3}"/>
              </a:ext>
            </a:extLst>
          </p:cNvPr>
          <p:cNvSpPr/>
          <p:nvPr/>
        </p:nvSpPr>
        <p:spPr>
          <a:xfrm>
            <a:off x="0" y="0"/>
            <a:ext cx="12192000" cy="11938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FFFFFF"/>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609600" y="287312"/>
            <a:ext cx="10972800" cy="793117"/>
          </a:xfrm>
        </p:spPr>
        <p:txBody>
          <a:bodyPr anchor="ctr"/>
          <a:lstStyle>
            <a:lvl1pPr algn="ctr">
              <a:defRPr>
                <a:solidFill>
                  <a:schemeClr val="bg1"/>
                </a:solidFill>
              </a:defRPr>
            </a:lvl1pPr>
          </a:lstStyle>
          <a:p>
            <a:r>
              <a:rPr lang="en-US"/>
              <a:t>Click to edit Master title style</a:t>
            </a:r>
          </a:p>
        </p:txBody>
      </p:sp>
      <p:sp>
        <p:nvSpPr>
          <p:cNvPr id="5" name="Footer Placeholder 4">
            <a:extLst>
              <a:ext uri="{FF2B5EF4-FFF2-40B4-BE49-F238E27FC236}">
                <a16:creationId xmlns:a16="http://schemas.microsoft.com/office/drawing/2014/main" id="{0EE12CAF-A9AF-7347-8373-E156C2BAB6DD}"/>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6" name="Slide Number Placeholder 5">
            <a:extLst>
              <a:ext uri="{FF2B5EF4-FFF2-40B4-BE49-F238E27FC236}">
                <a16:creationId xmlns:a16="http://schemas.microsoft.com/office/drawing/2014/main" id="{86B45D14-163B-1844-A157-B3B8FC4381AA}"/>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322473027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Footer Placeholder 1">
            <a:extLst>
              <a:ext uri="{FF2B5EF4-FFF2-40B4-BE49-F238E27FC236}">
                <a16:creationId xmlns:a16="http://schemas.microsoft.com/office/drawing/2014/main" id="{D519FDB6-602A-C64C-9BA7-E8EF7EB2EA3F}"/>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3" name="Slide Number Placeholder 2">
            <a:extLst>
              <a:ext uri="{FF2B5EF4-FFF2-40B4-BE49-F238E27FC236}">
                <a16:creationId xmlns:a16="http://schemas.microsoft.com/office/drawing/2014/main" id="{BE72BD95-3398-6F4B-B3BB-D4977E8C0C55}"/>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1495722274"/>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3 list layout ">
    <p:spTree>
      <p:nvGrpSpPr>
        <p:cNvPr id="1" name=""/>
        <p:cNvGrpSpPr/>
        <p:nvPr/>
      </p:nvGrpSpPr>
      <p:grpSpPr>
        <a:xfrm>
          <a:off x="0" y="0"/>
          <a:ext cx="0" cy="0"/>
          <a:chOff x="0" y="0"/>
          <a:chExt cx="0" cy="0"/>
        </a:xfrm>
      </p:grpSpPr>
      <p:sp>
        <p:nvSpPr>
          <p:cNvPr id="2" name="Title 1"/>
          <p:cNvSpPr>
            <a:spLocks noGrp="1"/>
          </p:cNvSpPr>
          <p:nvPr>
            <p:ph type="title"/>
          </p:nvPr>
        </p:nvSpPr>
        <p:spPr>
          <a:xfrm>
            <a:off x="609600" y="177903"/>
            <a:ext cx="10972800" cy="1011936"/>
          </a:xfrm>
        </p:spPr>
        <p:txBody>
          <a:bodyPr anchor="ctr"/>
          <a:lstStyle>
            <a:lvl1pPr algn="ctr">
              <a:defRPr/>
            </a:lvl1pPr>
          </a:lstStyle>
          <a:p>
            <a:r>
              <a:rPr lang="en-US"/>
              <a:t>Click to edit Master title style</a:t>
            </a:r>
          </a:p>
        </p:txBody>
      </p:sp>
      <p:cxnSp>
        <p:nvCxnSpPr>
          <p:cNvPr id="3" name="Straight Connector 2">
            <a:extLst>
              <a:ext uri="{FF2B5EF4-FFF2-40B4-BE49-F238E27FC236}">
                <a16:creationId xmlns:a16="http://schemas.microsoft.com/office/drawing/2014/main" id="{049D3E2E-4AAD-4441-B4E7-C41CA62B899C}"/>
              </a:ext>
            </a:extLst>
          </p:cNvPr>
          <p:cNvCxnSpPr>
            <a:cxnSpLocks/>
          </p:cNvCxnSpPr>
          <p:nvPr/>
        </p:nvCxnSpPr>
        <p:spPr>
          <a:xfrm>
            <a:off x="5657833" y="1368903"/>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sp>
        <p:nvSpPr>
          <p:cNvPr id="4" name="Footer Placeholder 3">
            <a:extLst>
              <a:ext uri="{FF2B5EF4-FFF2-40B4-BE49-F238E27FC236}">
                <a16:creationId xmlns:a16="http://schemas.microsoft.com/office/drawing/2014/main" id="{EA064C33-45F8-9640-B7C5-E5B43338ABBB}"/>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5" name="Slide Number Placeholder 4">
            <a:extLst>
              <a:ext uri="{FF2B5EF4-FFF2-40B4-BE49-F238E27FC236}">
                <a16:creationId xmlns:a16="http://schemas.microsoft.com/office/drawing/2014/main" id="{E3C099DC-CB5C-E24C-BE6A-62E6FB692BE1}"/>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
        <p:nvSpPr>
          <p:cNvPr id="7" name="Text Placeholder 6">
            <a:extLst>
              <a:ext uri="{FF2B5EF4-FFF2-40B4-BE49-F238E27FC236}">
                <a16:creationId xmlns:a16="http://schemas.microsoft.com/office/drawing/2014/main" id="{07C95E33-C273-9E44-86F9-77DC0357D7A2}"/>
              </a:ext>
            </a:extLst>
          </p:cNvPr>
          <p:cNvSpPr>
            <a:spLocks noGrp="1"/>
          </p:cNvSpPr>
          <p:nvPr>
            <p:ph type="body" sz="quarter" idx="12" hasCustomPrompt="1"/>
          </p:nvPr>
        </p:nvSpPr>
        <p:spPr>
          <a:xfrm>
            <a:off x="609601" y="2032156"/>
            <a:ext cx="3306233" cy="683683"/>
          </a:xfrm>
          <a:prstGeom prst="rect">
            <a:avLst/>
          </a:prstGeom>
          <a:solidFill>
            <a:schemeClr val="accent1"/>
          </a:solidFill>
        </p:spPr>
        <p:txBody>
          <a:bodyPr anchor="ctr"/>
          <a:lstStyle>
            <a:lvl1pPr marL="0" indent="0" algn="ctr">
              <a:buNone/>
              <a:defRPr>
                <a:solidFill>
                  <a:schemeClr val="bg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8" name="Text Placeholder 6">
            <a:extLst>
              <a:ext uri="{FF2B5EF4-FFF2-40B4-BE49-F238E27FC236}">
                <a16:creationId xmlns:a16="http://schemas.microsoft.com/office/drawing/2014/main" id="{24CE49FF-9FA8-6443-9002-BBA3E945DEE2}"/>
              </a:ext>
            </a:extLst>
          </p:cNvPr>
          <p:cNvSpPr>
            <a:spLocks noGrp="1"/>
          </p:cNvSpPr>
          <p:nvPr>
            <p:ph type="body" sz="quarter" idx="13" hasCustomPrompt="1"/>
          </p:nvPr>
        </p:nvSpPr>
        <p:spPr>
          <a:xfrm>
            <a:off x="4445621" y="2032156"/>
            <a:ext cx="3306233" cy="683683"/>
          </a:xfrm>
          <a:prstGeom prst="rect">
            <a:avLst/>
          </a:prstGeom>
          <a:solidFill>
            <a:schemeClr val="accent1"/>
          </a:solidFill>
        </p:spPr>
        <p:txBody>
          <a:bodyPr anchor="ctr"/>
          <a:lstStyle>
            <a:lvl1pPr marL="0" indent="0" algn="ctr">
              <a:buNone/>
              <a:defRPr>
                <a:solidFill>
                  <a:schemeClr val="bg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9" name="Text Placeholder 6">
            <a:extLst>
              <a:ext uri="{FF2B5EF4-FFF2-40B4-BE49-F238E27FC236}">
                <a16:creationId xmlns:a16="http://schemas.microsoft.com/office/drawing/2014/main" id="{D9172A12-9ACA-AE42-8A06-F9B17295F3BA}"/>
              </a:ext>
            </a:extLst>
          </p:cNvPr>
          <p:cNvSpPr>
            <a:spLocks noGrp="1"/>
          </p:cNvSpPr>
          <p:nvPr>
            <p:ph type="body" sz="quarter" idx="14" hasCustomPrompt="1"/>
          </p:nvPr>
        </p:nvSpPr>
        <p:spPr>
          <a:xfrm>
            <a:off x="8276168" y="2032156"/>
            <a:ext cx="3306233" cy="683683"/>
          </a:xfrm>
          <a:prstGeom prst="rect">
            <a:avLst/>
          </a:prstGeom>
          <a:solidFill>
            <a:schemeClr val="accent1"/>
          </a:solidFill>
        </p:spPr>
        <p:txBody>
          <a:bodyPr anchor="ctr"/>
          <a:lstStyle>
            <a:lvl1pPr marL="0" indent="0" algn="ctr">
              <a:buNone/>
              <a:defRPr>
                <a:solidFill>
                  <a:schemeClr val="bg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10" name="Text Placeholder 6">
            <a:extLst>
              <a:ext uri="{FF2B5EF4-FFF2-40B4-BE49-F238E27FC236}">
                <a16:creationId xmlns:a16="http://schemas.microsoft.com/office/drawing/2014/main" id="{100C8B07-DC04-774F-A6DC-EE7B8A93DDCA}"/>
              </a:ext>
            </a:extLst>
          </p:cNvPr>
          <p:cNvSpPr>
            <a:spLocks noGrp="1"/>
          </p:cNvSpPr>
          <p:nvPr>
            <p:ph type="body" sz="quarter" idx="15" hasCustomPrompt="1"/>
          </p:nvPr>
        </p:nvSpPr>
        <p:spPr>
          <a:xfrm>
            <a:off x="609601" y="2864780"/>
            <a:ext cx="3306233" cy="2904117"/>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sp>
        <p:nvSpPr>
          <p:cNvPr id="11" name="Text Placeholder 6">
            <a:extLst>
              <a:ext uri="{FF2B5EF4-FFF2-40B4-BE49-F238E27FC236}">
                <a16:creationId xmlns:a16="http://schemas.microsoft.com/office/drawing/2014/main" id="{67AF7D14-A273-104B-8B5F-D0F2B8A025BB}"/>
              </a:ext>
            </a:extLst>
          </p:cNvPr>
          <p:cNvSpPr>
            <a:spLocks noGrp="1"/>
          </p:cNvSpPr>
          <p:nvPr>
            <p:ph type="body" sz="quarter" idx="16" hasCustomPrompt="1"/>
          </p:nvPr>
        </p:nvSpPr>
        <p:spPr>
          <a:xfrm>
            <a:off x="4445621" y="2864780"/>
            <a:ext cx="3306233" cy="2904117"/>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sp>
        <p:nvSpPr>
          <p:cNvPr id="12" name="Text Placeholder 6">
            <a:extLst>
              <a:ext uri="{FF2B5EF4-FFF2-40B4-BE49-F238E27FC236}">
                <a16:creationId xmlns:a16="http://schemas.microsoft.com/office/drawing/2014/main" id="{365A1947-5C3F-084C-8DD1-7DC25F687BB8}"/>
              </a:ext>
            </a:extLst>
          </p:cNvPr>
          <p:cNvSpPr>
            <a:spLocks noGrp="1"/>
          </p:cNvSpPr>
          <p:nvPr>
            <p:ph type="body" sz="quarter" idx="17" hasCustomPrompt="1"/>
          </p:nvPr>
        </p:nvSpPr>
        <p:spPr>
          <a:xfrm>
            <a:off x="8276168" y="2864780"/>
            <a:ext cx="3306233" cy="2904117"/>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spTree>
    <p:extLst>
      <p:ext uri="{BB962C8B-B14F-4D97-AF65-F5344CB8AC3E}">
        <p14:creationId xmlns:p14="http://schemas.microsoft.com/office/powerpoint/2010/main" val="3390169348"/>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4 list layout">
    <p:spTree>
      <p:nvGrpSpPr>
        <p:cNvPr id="1" name=""/>
        <p:cNvGrpSpPr/>
        <p:nvPr/>
      </p:nvGrpSpPr>
      <p:grpSpPr>
        <a:xfrm>
          <a:off x="0" y="0"/>
          <a:ext cx="0" cy="0"/>
          <a:chOff x="0" y="0"/>
          <a:chExt cx="0" cy="0"/>
        </a:xfrm>
      </p:grpSpPr>
      <p:sp>
        <p:nvSpPr>
          <p:cNvPr id="2" name="Title 1"/>
          <p:cNvSpPr>
            <a:spLocks noGrp="1"/>
          </p:cNvSpPr>
          <p:nvPr>
            <p:ph type="title"/>
          </p:nvPr>
        </p:nvSpPr>
        <p:spPr>
          <a:xfrm>
            <a:off x="609600" y="177903"/>
            <a:ext cx="10972800" cy="1011936"/>
          </a:xfrm>
        </p:spPr>
        <p:txBody>
          <a:bodyPr anchor="ctr"/>
          <a:lstStyle>
            <a:lvl1pPr algn="ctr">
              <a:defRPr/>
            </a:lvl1pPr>
          </a:lstStyle>
          <a:p>
            <a:r>
              <a:rPr lang="en-US"/>
              <a:t>Click to edit Master title style</a:t>
            </a:r>
          </a:p>
        </p:txBody>
      </p:sp>
      <p:cxnSp>
        <p:nvCxnSpPr>
          <p:cNvPr id="3" name="Straight Connector 2">
            <a:extLst>
              <a:ext uri="{FF2B5EF4-FFF2-40B4-BE49-F238E27FC236}">
                <a16:creationId xmlns:a16="http://schemas.microsoft.com/office/drawing/2014/main" id="{049D3E2E-4AAD-4441-B4E7-C41CA62B899C}"/>
              </a:ext>
            </a:extLst>
          </p:cNvPr>
          <p:cNvCxnSpPr>
            <a:cxnSpLocks/>
          </p:cNvCxnSpPr>
          <p:nvPr/>
        </p:nvCxnSpPr>
        <p:spPr>
          <a:xfrm>
            <a:off x="5657833" y="1368903"/>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sp>
        <p:nvSpPr>
          <p:cNvPr id="4" name="Footer Placeholder 3">
            <a:extLst>
              <a:ext uri="{FF2B5EF4-FFF2-40B4-BE49-F238E27FC236}">
                <a16:creationId xmlns:a16="http://schemas.microsoft.com/office/drawing/2014/main" id="{EA064C33-45F8-9640-B7C5-E5B43338ABBB}"/>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5" name="Slide Number Placeholder 4">
            <a:extLst>
              <a:ext uri="{FF2B5EF4-FFF2-40B4-BE49-F238E27FC236}">
                <a16:creationId xmlns:a16="http://schemas.microsoft.com/office/drawing/2014/main" id="{E3C099DC-CB5C-E24C-BE6A-62E6FB692BE1}"/>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
        <p:nvSpPr>
          <p:cNvPr id="7" name="Text Placeholder 6">
            <a:extLst>
              <a:ext uri="{FF2B5EF4-FFF2-40B4-BE49-F238E27FC236}">
                <a16:creationId xmlns:a16="http://schemas.microsoft.com/office/drawing/2014/main" id="{07C95E33-C273-9E44-86F9-77DC0357D7A2}"/>
              </a:ext>
            </a:extLst>
          </p:cNvPr>
          <p:cNvSpPr>
            <a:spLocks noGrp="1"/>
          </p:cNvSpPr>
          <p:nvPr>
            <p:ph type="body" sz="quarter" idx="12" hasCustomPrompt="1"/>
          </p:nvPr>
        </p:nvSpPr>
        <p:spPr>
          <a:xfrm>
            <a:off x="609600" y="1703903"/>
            <a:ext cx="2560320" cy="1011936"/>
          </a:xfrm>
          <a:prstGeom prst="rect">
            <a:avLst/>
          </a:prstGeom>
          <a:solidFill>
            <a:schemeClr val="accent1"/>
          </a:solidFill>
        </p:spPr>
        <p:txBody>
          <a:bodyPr anchor="ctr"/>
          <a:lstStyle>
            <a:lvl1pPr marL="0" indent="0" algn="ctr">
              <a:buNone/>
              <a:defRPr>
                <a:solidFill>
                  <a:schemeClr val="bg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10" name="Text Placeholder 6">
            <a:extLst>
              <a:ext uri="{FF2B5EF4-FFF2-40B4-BE49-F238E27FC236}">
                <a16:creationId xmlns:a16="http://schemas.microsoft.com/office/drawing/2014/main" id="{100C8B07-DC04-774F-A6DC-EE7B8A93DDCA}"/>
              </a:ext>
            </a:extLst>
          </p:cNvPr>
          <p:cNvSpPr>
            <a:spLocks noGrp="1"/>
          </p:cNvSpPr>
          <p:nvPr>
            <p:ph type="body" sz="quarter" idx="15" hasCustomPrompt="1"/>
          </p:nvPr>
        </p:nvSpPr>
        <p:spPr>
          <a:xfrm>
            <a:off x="609601" y="2864780"/>
            <a:ext cx="2562303" cy="2904117"/>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sp>
        <p:nvSpPr>
          <p:cNvPr id="13" name="Text Placeholder 6">
            <a:extLst>
              <a:ext uri="{FF2B5EF4-FFF2-40B4-BE49-F238E27FC236}">
                <a16:creationId xmlns:a16="http://schemas.microsoft.com/office/drawing/2014/main" id="{9D0BC41B-0390-614E-A71F-7CDB38E80053}"/>
              </a:ext>
            </a:extLst>
          </p:cNvPr>
          <p:cNvSpPr>
            <a:spLocks noGrp="1"/>
          </p:cNvSpPr>
          <p:nvPr>
            <p:ph type="body" sz="quarter" idx="16" hasCustomPrompt="1"/>
          </p:nvPr>
        </p:nvSpPr>
        <p:spPr>
          <a:xfrm>
            <a:off x="9020098" y="1703903"/>
            <a:ext cx="2562303" cy="1011936"/>
          </a:xfrm>
          <a:prstGeom prst="rect">
            <a:avLst/>
          </a:prstGeom>
          <a:solidFill>
            <a:schemeClr val="accent1"/>
          </a:solidFill>
        </p:spPr>
        <p:txBody>
          <a:bodyPr anchor="ctr"/>
          <a:lstStyle>
            <a:lvl1pPr marL="0" indent="0" algn="ctr">
              <a:buNone/>
              <a:defRPr>
                <a:solidFill>
                  <a:schemeClr val="bg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14" name="Text Placeholder 6">
            <a:extLst>
              <a:ext uri="{FF2B5EF4-FFF2-40B4-BE49-F238E27FC236}">
                <a16:creationId xmlns:a16="http://schemas.microsoft.com/office/drawing/2014/main" id="{EB924B18-A458-F048-B953-9FCA630ECA68}"/>
              </a:ext>
            </a:extLst>
          </p:cNvPr>
          <p:cNvSpPr>
            <a:spLocks noGrp="1"/>
          </p:cNvSpPr>
          <p:nvPr>
            <p:ph type="body" sz="quarter" idx="17" hasCustomPrompt="1"/>
          </p:nvPr>
        </p:nvSpPr>
        <p:spPr>
          <a:xfrm>
            <a:off x="9020098" y="2864780"/>
            <a:ext cx="2562303" cy="2904117"/>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sp>
        <p:nvSpPr>
          <p:cNvPr id="15" name="Text Placeholder 6">
            <a:extLst>
              <a:ext uri="{FF2B5EF4-FFF2-40B4-BE49-F238E27FC236}">
                <a16:creationId xmlns:a16="http://schemas.microsoft.com/office/drawing/2014/main" id="{FCB66E04-CA58-CA4B-9736-DE89332343D2}"/>
              </a:ext>
            </a:extLst>
          </p:cNvPr>
          <p:cNvSpPr>
            <a:spLocks noGrp="1"/>
          </p:cNvSpPr>
          <p:nvPr>
            <p:ph type="body" sz="quarter" idx="18" hasCustomPrompt="1"/>
          </p:nvPr>
        </p:nvSpPr>
        <p:spPr>
          <a:xfrm>
            <a:off x="6216598" y="1703903"/>
            <a:ext cx="2562303" cy="1011936"/>
          </a:xfrm>
          <a:prstGeom prst="rect">
            <a:avLst/>
          </a:prstGeom>
          <a:solidFill>
            <a:schemeClr val="accent1"/>
          </a:solidFill>
        </p:spPr>
        <p:txBody>
          <a:bodyPr anchor="ctr"/>
          <a:lstStyle>
            <a:lvl1pPr marL="0" indent="0" algn="ctr">
              <a:buNone/>
              <a:defRPr>
                <a:solidFill>
                  <a:schemeClr val="bg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16" name="Text Placeholder 6">
            <a:extLst>
              <a:ext uri="{FF2B5EF4-FFF2-40B4-BE49-F238E27FC236}">
                <a16:creationId xmlns:a16="http://schemas.microsoft.com/office/drawing/2014/main" id="{D733430B-FD3A-2446-88B7-35BDA1B58DBA}"/>
              </a:ext>
            </a:extLst>
          </p:cNvPr>
          <p:cNvSpPr>
            <a:spLocks noGrp="1"/>
          </p:cNvSpPr>
          <p:nvPr>
            <p:ph type="body" sz="quarter" idx="19" hasCustomPrompt="1"/>
          </p:nvPr>
        </p:nvSpPr>
        <p:spPr>
          <a:xfrm>
            <a:off x="6216598" y="2864780"/>
            <a:ext cx="2562303" cy="2904117"/>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sp>
        <p:nvSpPr>
          <p:cNvPr id="17" name="Text Placeholder 6">
            <a:extLst>
              <a:ext uri="{FF2B5EF4-FFF2-40B4-BE49-F238E27FC236}">
                <a16:creationId xmlns:a16="http://schemas.microsoft.com/office/drawing/2014/main" id="{161BE91A-D4B1-534A-85B1-167D1323A974}"/>
              </a:ext>
            </a:extLst>
          </p:cNvPr>
          <p:cNvSpPr>
            <a:spLocks noGrp="1"/>
          </p:cNvSpPr>
          <p:nvPr>
            <p:ph type="body" sz="quarter" idx="20" hasCustomPrompt="1"/>
          </p:nvPr>
        </p:nvSpPr>
        <p:spPr>
          <a:xfrm>
            <a:off x="3413099" y="1703903"/>
            <a:ext cx="2562303" cy="1011936"/>
          </a:xfrm>
          <a:prstGeom prst="rect">
            <a:avLst/>
          </a:prstGeom>
          <a:solidFill>
            <a:schemeClr val="accent1"/>
          </a:solidFill>
        </p:spPr>
        <p:txBody>
          <a:bodyPr anchor="ctr"/>
          <a:lstStyle>
            <a:lvl1pPr marL="0" indent="0" algn="ctr">
              <a:buNone/>
              <a:defRPr>
                <a:solidFill>
                  <a:schemeClr val="bg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18" name="Text Placeholder 6">
            <a:extLst>
              <a:ext uri="{FF2B5EF4-FFF2-40B4-BE49-F238E27FC236}">
                <a16:creationId xmlns:a16="http://schemas.microsoft.com/office/drawing/2014/main" id="{88A5DFE9-02EA-B34B-8E06-35E4E8824DC5}"/>
              </a:ext>
            </a:extLst>
          </p:cNvPr>
          <p:cNvSpPr>
            <a:spLocks noGrp="1"/>
          </p:cNvSpPr>
          <p:nvPr>
            <p:ph type="body" sz="quarter" idx="21" hasCustomPrompt="1"/>
          </p:nvPr>
        </p:nvSpPr>
        <p:spPr>
          <a:xfrm>
            <a:off x="3413099" y="2864780"/>
            <a:ext cx="2562303" cy="2904117"/>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spTree>
    <p:extLst>
      <p:ext uri="{BB962C8B-B14F-4D97-AF65-F5344CB8AC3E}">
        <p14:creationId xmlns:p14="http://schemas.microsoft.com/office/powerpoint/2010/main" val="118811115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_Blank">
    <p:spTree>
      <p:nvGrpSpPr>
        <p:cNvPr id="1" name=""/>
        <p:cNvGrpSpPr/>
        <p:nvPr/>
      </p:nvGrpSpPr>
      <p:grpSpPr>
        <a:xfrm>
          <a:off x="0" y="0"/>
          <a:ext cx="0" cy="0"/>
          <a:chOff x="0" y="0"/>
          <a:chExt cx="0" cy="0"/>
        </a:xfrm>
      </p:grpSpPr>
      <p:sp>
        <p:nvSpPr>
          <p:cNvPr id="3" name="Slide Number Placeholder 2">
            <a:extLst>
              <a:ext uri="{FF2B5EF4-FFF2-40B4-BE49-F238E27FC236}">
                <a16:creationId xmlns:a16="http://schemas.microsoft.com/office/drawing/2014/main" id="{BE72BD95-3398-6F4B-B3BB-D4977E8C0C55}"/>
              </a:ext>
            </a:extLst>
          </p:cNvPr>
          <p:cNvSpPr>
            <a:spLocks noGrp="1"/>
          </p:cNvSpPr>
          <p:nvPr>
            <p:ph type="sldNum" sz="quarter" idx="11"/>
          </p:nvPr>
        </p:nvSpPr>
        <p:spPr/>
        <p:txBody>
          <a:bodyPr/>
          <a:lstStyle/>
          <a:p>
            <a:fld id="{F7CADEA9-0AFC-B549-B690-A46B9B6402E4}" type="slidenum">
              <a:rPr lang="en-US" smtClean="0"/>
              <a:pPr/>
              <a:t>‹#›</a:t>
            </a:fld>
            <a:endParaRPr lang="en-US"/>
          </a:p>
        </p:txBody>
      </p:sp>
      <p:sp>
        <p:nvSpPr>
          <p:cNvPr id="4" name="Picture 1">
            <a:extLst>
              <a:ext uri="{FF2B5EF4-FFF2-40B4-BE49-F238E27FC236}">
                <a16:creationId xmlns:a16="http://schemas.microsoft.com/office/drawing/2014/main" id="{CD37CDD5-2680-7EA4-E4B9-69E06D919564}"/>
              </a:ext>
            </a:extLst>
          </p:cNvPr>
          <p:cNvSpPr>
            <a:spLocks noGrp="1"/>
          </p:cNvSpPr>
          <p:nvPr>
            <p:ph type="pic" sz="quarter" idx="13" hasCustomPrompt="1"/>
          </p:nvPr>
        </p:nvSpPr>
        <p:spPr>
          <a:xfrm>
            <a:off x="6203950" y="560387"/>
            <a:ext cx="5341938" cy="5472423"/>
          </a:xfrm>
          <a:prstGeom prst="roundRect">
            <a:avLst>
              <a:gd name="adj" fmla="val 4989"/>
            </a:avLst>
          </a:prstGeom>
        </p:spPr>
        <p:txBody>
          <a:bodyPr>
            <a:noAutofit/>
          </a:bodyPr>
          <a:lstStyle/>
          <a:p>
            <a:r>
              <a:rPr lang="en-US"/>
              <a:t>Click icon to add picture</a:t>
            </a:r>
            <a:endParaRPr lang="ru-RU" dirty="0"/>
          </a:p>
        </p:txBody>
      </p:sp>
    </p:spTree>
    <p:extLst>
      <p:ext uri="{BB962C8B-B14F-4D97-AF65-F5344CB8AC3E}">
        <p14:creationId xmlns:p14="http://schemas.microsoft.com/office/powerpoint/2010/main" val="860583033"/>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3 list layout - dark blue">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C97214E-C805-8C47-9E6A-2D804A1C04C3}"/>
              </a:ext>
            </a:extLst>
          </p:cNvPr>
          <p:cNvSpPr/>
          <p:nvPr/>
        </p:nvSpPr>
        <p:spPr>
          <a:xfrm>
            <a:off x="0" y="0"/>
            <a:ext cx="12192000" cy="11938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FFFFFF"/>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609600" y="287312"/>
            <a:ext cx="10972800" cy="793117"/>
          </a:xfrm>
        </p:spPr>
        <p:txBody>
          <a:bodyPr anchor="ctr"/>
          <a:lstStyle>
            <a:lvl1pPr algn="ctr">
              <a:defRPr>
                <a:solidFill>
                  <a:schemeClr val="bg1"/>
                </a:solidFill>
              </a:defRPr>
            </a:lvl1pPr>
          </a:lstStyle>
          <a:p>
            <a:r>
              <a:rPr lang="en-US"/>
              <a:t>Click to edit Master title style</a:t>
            </a:r>
          </a:p>
        </p:txBody>
      </p:sp>
      <p:sp>
        <p:nvSpPr>
          <p:cNvPr id="5" name="Footer Placeholder 4">
            <a:extLst>
              <a:ext uri="{FF2B5EF4-FFF2-40B4-BE49-F238E27FC236}">
                <a16:creationId xmlns:a16="http://schemas.microsoft.com/office/drawing/2014/main" id="{0EE12CAF-A9AF-7347-8373-E156C2BAB6DD}"/>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6" name="Slide Number Placeholder 5">
            <a:extLst>
              <a:ext uri="{FF2B5EF4-FFF2-40B4-BE49-F238E27FC236}">
                <a16:creationId xmlns:a16="http://schemas.microsoft.com/office/drawing/2014/main" id="{86B45D14-163B-1844-A157-B3B8FC4381AA}"/>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
        <p:nvSpPr>
          <p:cNvPr id="7" name="Text Placeholder 6">
            <a:extLst>
              <a:ext uri="{FF2B5EF4-FFF2-40B4-BE49-F238E27FC236}">
                <a16:creationId xmlns:a16="http://schemas.microsoft.com/office/drawing/2014/main" id="{D49DB5AD-9CB0-A64D-ADDE-70DC4B92E806}"/>
              </a:ext>
            </a:extLst>
          </p:cNvPr>
          <p:cNvSpPr>
            <a:spLocks noGrp="1"/>
          </p:cNvSpPr>
          <p:nvPr>
            <p:ph type="body" sz="quarter" idx="12" hasCustomPrompt="1"/>
          </p:nvPr>
        </p:nvSpPr>
        <p:spPr>
          <a:xfrm>
            <a:off x="609601" y="1593644"/>
            <a:ext cx="3306233" cy="683683"/>
          </a:xfrm>
          <a:prstGeom prst="rect">
            <a:avLst/>
          </a:prstGeom>
          <a:noFill/>
        </p:spPr>
        <p:txBody>
          <a:bodyPr anchor="ctr"/>
          <a:lstStyle>
            <a:lvl1pPr marL="0" indent="0" algn="ctr">
              <a:buNone/>
              <a:defRPr>
                <a:solidFill>
                  <a:schemeClr val="accent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8" name="Text Placeholder 6">
            <a:extLst>
              <a:ext uri="{FF2B5EF4-FFF2-40B4-BE49-F238E27FC236}">
                <a16:creationId xmlns:a16="http://schemas.microsoft.com/office/drawing/2014/main" id="{764E37AA-442A-4941-803C-FDE8CABAA7B8}"/>
              </a:ext>
            </a:extLst>
          </p:cNvPr>
          <p:cNvSpPr>
            <a:spLocks noGrp="1"/>
          </p:cNvSpPr>
          <p:nvPr>
            <p:ph type="body" sz="quarter" idx="13" hasCustomPrompt="1"/>
          </p:nvPr>
        </p:nvSpPr>
        <p:spPr>
          <a:xfrm>
            <a:off x="4445621" y="1593644"/>
            <a:ext cx="3306233" cy="683683"/>
          </a:xfrm>
          <a:prstGeom prst="rect">
            <a:avLst/>
          </a:prstGeom>
          <a:noFill/>
        </p:spPr>
        <p:txBody>
          <a:bodyPr anchor="ctr"/>
          <a:lstStyle>
            <a:lvl1pPr marL="0" indent="0" algn="ctr">
              <a:buNone/>
              <a:defRPr>
                <a:solidFill>
                  <a:schemeClr val="accent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9" name="Text Placeholder 6">
            <a:extLst>
              <a:ext uri="{FF2B5EF4-FFF2-40B4-BE49-F238E27FC236}">
                <a16:creationId xmlns:a16="http://schemas.microsoft.com/office/drawing/2014/main" id="{A2CB7500-7E90-8A40-83A3-2B37F1E27827}"/>
              </a:ext>
            </a:extLst>
          </p:cNvPr>
          <p:cNvSpPr>
            <a:spLocks noGrp="1"/>
          </p:cNvSpPr>
          <p:nvPr>
            <p:ph type="body" sz="quarter" idx="14" hasCustomPrompt="1"/>
          </p:nvPr>
        </p:nvSpPr>
        <p:spPr>
          <a:xfrm>
            <a:off x="8276168" y="1593644"/>
            <a:ext cx="3306233" cy="683683"/>
          </a:xfrm>
          <a:prstGeom prst="rect">
            <a:avLst/>
          </a:prstGeom>
          <a:noFill/>
        </p:spPr>
        <p:txBody>
          <a:bodyPr anchor="ctr"/>
          <a:lstStyle>
            <a:lvl1pPr marL="0" indent="0" algn="ctr">
              <a:buNone/>
              <a:defRPr>
                <a:solidFill>
                  <a:schemeClr val="accent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10" name="Text Placeholder 6">
            <a:extLst>
              <a:ext uri="{FF2B5EF4-FFF2-40B4-BE49-F238E27FC236}">
                <a16:creationId xmlns:a16="http://schemas.microsoft.com/office/drawing/2014/main" id="{7896F706-C7E4-434C-BF17-06BBDFBCAF0C}"/>
              </a:ext>
            </a:extLst>
          </p:cNvPr>
          <p:cNvSpPr>
            <a:spLocks noGrp="1"/>
          </p:cNvSpPr>
          <p:nvPr>
            <p:ph type="body" sz="quarter" idx="15" hasCustomPrompt="1"/>
          </p:nvPr>
        </p:nvSpPr>
        <p:spPr>
          <a:xfrm>
            <a:off x="609601" y="2767884"/>
            <a:ext cx="3306233" cy="3307425"/>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sp>
        <p:nvSpPr>
          <p:cNvPr id="11" name="Text Placeholder 6">
            <a:extLst>
              <a:ext uri="{FF2B5EF4-FFF2-40B4-BE49-F238E27FC236}">
                <a16:creationId xmlns:a16="http://schemas.microsoft.com/office/drawing/2014/main" id="{AD76DFB1-F6E6-7D4C-9F36-B8EFE8368A84}"/>
              </a:ext>
            </a:extLst>
          </p:cNvPr>
          <p:cNvSpPr>
            <a:spLocks noGrp="1"/>
          </p:cNvSpPr>
          <p:nvPr>
            <p:ph type="body" sz="quarter" idx="16" hasCustomPrompt="1"/>
          </p:nvPr>
        </p:nvSpPr>
        <p:spPr>
          <a:xfrm>
            <a:off x="4445621" y="2767884"/>
            <a:ext cx="3306233" cy="3307425"/>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sp>
        <p:nvSpPr>
          <p:cNvPr id="12" name="Text Placeholder 6">
            <a:extLst>
              <a:ext uri="{FF2B5EF4-FFF2-40B4-BE49-F238E27FC236}">
                <a16:creationId xmlns:a16="http://schemas.microsoft.com/office/drawing/2014/main" id="{08A75562-D323-CD4E-97A1-F0FB84526E71}"/>
              </a:ext>
            </a:extLst>
          </p:cNvPr>
          <p:cNvSpPr>
            <a:spLocks noGrp="1"/>
          </p:cNvSpPr>
          <p:nvPr>
            <p:ph type="body" sz="quarter" idx="17" hasCustomPrompt="1"/>
          </p:nvPr>
        </p:nvSpPr>
        <p:spPr>
          <a:xfrm>
            <a:off x="8276168" y="2767884"/>
            <a:ext cx="3306233" cy="3307425"/>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cxnSp>
        <p:nvCxnSpPr>
          <p:cNvPr id="13" name="Straight Connector 12">
            <a:extLst>
              <a:ext uri="{FF2B5EF4-FFF2-40B4-BE49-F238E27FC236}">
                <a16:creationId xmlns:a16="http://schemas.microsoft.com/office/drawing/2014/main" id="{11BB62C0-74A1-FC4A-9E3F-3ECD776C81F3}"/>
              </a:ext>
            </a:extLst>
          </p:cNvPr>
          <p:cNvCxnSpPr>
            <a:cxnSpLocks/>
          </p:cNvCxnSpPr>
          <p:nvPr/>
        </p:nvCxnSpPr>
        <p:spPr>
          <a:xfrm>
            <a:off x="1824549" y="2558367"/>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AB5149EE-9004-1F4F-A3D4-C0A9DAAAFC74}"/>
              </a:ext>
            </a:extLst>
          </p:cNvPr>
          <p:cNvCxnSpPr>
            <a:cxnSpLocks/>
          </p:cNvCxnSpPr>
          <p:nvPr/>
        </p:nvCxnSpPr>
        <p:spPr>
          <a:xfrm>
            <a:off x="5660569" y="2558367"/>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16F5383-4EC9-254F-A36F-5DE9CAE35C7F}"/>
              </a:ext>
            </a:extLst>
          </p:cNvPr>
          <p:cNvCxnSpPr>
            <a:cxnSpLocks/>
          </p:cNvCxnSpPr>
          <p:nvPr/>
        </p:nvCxnSpPr>
        <p:spPr>
          <a:xfrm>
            <a:off x="9491116" y="2558367"/>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921427985"/>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4 list layout - dark blue">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C97214E-C805-8C47-9E6A-2D804A1C04C3}"/>
              </a:ext>
            </a:extLst>
          </p:cNvPr>
          <p:cNvSpPr/>
          <p:nvPr/>
        </p:nvSpPr>
        <p:spPr>
          <a:xfrm>
            <a:off x="0" y="0"/>
            <a:ext cx="12192000" cy="11938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FFFFFF"/>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609600" y="287312"/>
            <a:ext cx="10972800" cy="793117"/>
          </a:xfrm>
        </p:spPr>
        <p:txBody>
          <a:bodyPr anchor="ctr"/>
          <a:lstStyle>
            <a:lvl1pPr algn="ctr">
              <a:defRPr>
                <a:solidFill>
                  <a:schemeClr val="bg1"/>
                </a:solidFill>
              </a:defRPr>
            </a:lvl1pPr>
          </a:lstStyle>
          <a:p>
            <a:r>
              <a:rPr lang="en-US"/>
              <a:t>Click to edit Master title style</a:t>
            </a:r>
          </a:p>
        </p:txBody>
      </p:sp>
      <p:sp>
        <p:nvSpPr>
          <p:cNvPr id="5" name="Footer Placeholder 4">
            <a:extLst>
              <a:ext uri="{FF2B5EF4-FFF2-40B4-BE49-F238E27FC236}">
                <a16:creationId xmlns:a16="http://schemas.microsoft.com/office/drawing/2014/main" id="{0EE12CAF-A9AF-7347-8373-E156C2BAB6DD}"/>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6" name="Slide Number Placeholder 5">
            <a:extLst>
              <a:ext uri="{FF2B5EF4-FFF2-40B4-BE49-F238E27FC236}">
                <a16:creationId xmlns:a16="http://schemas.microsoft.com/office/drawing/2014/main" id="{86B45D14-163B-1844-A157-B3B8FC4381AA}"/>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
        <p:nvSpPr>
          <p:cNvPr id="7" name="Text Placeholder 6">
            <a:extLst>
              <a:ext uri="{FF2B5EF4-FFF2-40B4-BE49-F238E27FC236}">
                <a16:creationId xmlns:a16="http://schemas.microsoft.com/office/drawing/2014/main" id="{D49DB5AD-9CB0-A64D-ADDE-70DC4B92E806}"/>
              </a:ext>
            </a:extLst>
          </p:cNvPr>
          <p:cNvSpPr>
            <a:spLocks noGrp="1"/>
          </p:cNvSpPr>
          <p:nvPr>
            <p:ph type="body" sz="quarter" idx="12" hasCustomPrompt="1"/>
          </p:nvPr>
        </p:nvSpPr>
        <p:spPr>
          <a:xfrm>
            <a:off x="609600" y="1593644"/>
            <a:ext cx="2560320" cy="683683"/>
          </a:xfrm>
          <a:prstGeom prst="rect">
            <a:avLst/>
          </a:prstGeom>
          <a:noFill/>
        </p:spPr>
        <p:txBody>
          <a:bodyPr anchor="ctr"/>
          <a:lstStyle>
            <a:lvl1pPr marL="0" indent="0" algn="ctr">
              <a:buNone/>
              <a:defRPr>
                <a:solidFill>
                  <a:schemeClr val="accent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10" name="Text Placeholder 6">
            <a:extLst>
              <a:ext uri="{FF2B5EF4-FFF2-40B4-BE49-F238E27FC236}">
                <a16:creationId xmlns:a16="http://schemas.microsoft.com/office/drawing/2014/main" id="{7896F706-C7E4-434C-BF17-06BBDFBCAF0C}"/>
              </a:ext>
            </a:extLst>
          </p:cNvPr>
          <p:cNvSpPr>
            <a:spLocks noGrp="1"/>
          </p:cNvSpPr>
          <p:nvPr>
            <p:ph type="body" sz="quarter" idx="15" hasCustomPrompt="1"/>
          </p:nvPr>
        </p:nvSpPr>
        <p:spPr>
          <a:xfrm>
            <a:off x="609600" y="2767883"/>
            <a:ext cx="2560320" cy="3307412"/>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cxnSp>
        <p:nvCxnSpPr>
          <p:cNvPr id="13" name="Straight Connector 12">
            <a:extLst>
              <a:ext uri="{FF2B5EF4-FFF2-40B4-BE49-F238E27FC236}">
                <a16:creationId xmlns:a16="http://schemas.microsoft.com/office/drawing/2014/main" id="{11BB62C0-74A1-FC4A-9E3F-3ECD776C81F3}"/>
              </a:ext>
            </a:extLst>
          </p:cNvPr>
          <p:cNvCxnSpPr>
            <a:cxnSpLocks/>
          </p:cNvCxnSpPr>
          <p:nvPr/>
        </p:nvCxnSpPr>
        <p:spPr>
          <a:xfrm>
            <a:off x="1451593" y="2558367"/>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sp>
        <p:nvSpPr>
          <p:cNvPr id="16" name="Text Placeholder 6">
            <a:extLst>
              <a:ext uri="{FF2B5EF4-FFF2-40B4-BE49-F238E27FC236}">
                <a16:creationId xmlns:a16="http://schemas.microsoft.com/office/drawing/2014/main" id="{24A97099-1492-7E42-8BB8-468EC1B97FB4}"/>
              </a:ext>
            </a:extLst>
          </p:cNvPr>
          <p:cNvSpPr>
            <a:spLocks noGrp="1"/>
          </p:cNvSpPr>
          <p:nvPr>
            <p:ph type="body" sz="quarter" idx="16" hasCustomPrompt="1"/>
          </p:nvPr>
        </p:nvSpPr>
        <p:spPr>
          <a:xfrm>
            <a:off x="3413760" y="1593644"/>
            <a:ext cx="2560320" cy="683683"/>
          </a:xfrm>
          <a:prstGeom prst="rect">
            <a:avLst/>
          </a:prstGeom>
          <a:noFill/>
        </p:spPr>
        <p:txBody>
          <a:bodyPr anchor="ctr"/>
          <a:lstStyle>
            <a:lvl1pPr marL="0" indent="0" algn="ctr">
              <a:buNone/>
              <a:defRPr>
                <a:solidFill>
                  <a:schemeClr val="accent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17" name="Text Placeholder 6">
            <a:extLst>
              <a:ext uri="{FF2B5EF4-FFF2-40B4-BE49-F238E27FC236}">
                <a16:creationId xmlns:a16="http://schemas.microsoft.com/office/drawing/2014/main" id="{2F9C2445-B50C-8C42-9C97-BADF995D1AAC}"/>
              </a:ext>
            </a:extLst>
          </p:cNvPr>
          <p:cNvSpPr>
            <a:spLocks noGrp="1"/>
          </p:cNvSpPr>
          <p:nvPr>
            <p:ph type="body" sz="quarter" idx="17" hasCustomPrompt="1"/>
          </p:nvPr>
        </p:nvSpPr>
        <p:spPr>
          <a:xfrm>
            <a:off x="3413760" y="2767883"/>
            <a:ext cx="2560320" cy="3307412"/>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cxnSp>
        <p:nvCxnSpPr>
          <p:cNvPr id="18" name="Straight Connector 17">
            <a:extLst>
              <a:ext uri="{FF2B5EF4-FFF2-40B4-BE49-F238E27FC236}">
                <a16:creationId xmlns:a16="http://schemas.microsoft.com/office/drawing/2014/main" id="{B6601B0B-912C-974D-99F7-EF1D606115A8}"/>
              </a:ext>
            </a:extLst>
          </p:cNvPr>
          <p:cNvCxnSpPr>
            <a:cxnSpLocks/>
          </p:cNvCxnSpPr>
          <p:nvPr/>
        </p:nvCxnSpPr>
        <p:spPr>
          <a:xfrm>
            <a:off x="4255753" y="2558367"/>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sp>
        <p:nvSpPr>
          <p:cNvPr id="19" name="Text Placeholder 6">
            <a:extLst>
              <a:ext uri="{FF2B5EF4-FFF2-40B4-BE49-F238E27FC236}">
                <a16:creationId xmlns:a16="http://schemas.microsoft.com/office/drawing/2014/main" id="{A516AE72-065B-AC45-A62D-D60A4529FD88}"/>
              </a:ext>
            </a:extLst>
          </p:cNvPr>
          <p:cNvSpPr>
            <a:spLocks noGrp="1"/>
          </p:cNvSpPr>
          <p:nvPr>
            <p:ph type="body" sz="quarter" idx="18" hasCustomPrompt="1"/>
          </p:nvPr>
        </p:nvSpPr>
        <p:spPr>
          <a:xfrm>
            <a:off x="6217920" y="1593644"/>
            <a:ext cx="2560320" cy="683683"/>
          </a:xfrm>
          <a:prstGeom prst="rect">
            <a:avLst/>
          </a:prstGeom>
          <a:noFill/>
        </p:spPr>
        <p:txBody>
          <a:bodyPr anchor="ctr"/>
          <a:lstStyle>
            <a:lvl1pPr marL="0" indent="0" algn="ctr">
              <a:buNone/>
              <a:defRPr>
                <a:solidFill>
                  <a:schemeClr val="accent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20" name="Text Placeholder 6">
            <a:extLst>
              <a:ext uri="{FF2B5EF4-FFF2-40B4-BE49-F238E27FC236}">
                <a16:creationId xmlns:a16="http://schemas.microsoft.com/office/drawing/2014/main" id="{C35C28D9-525A-7B46-83CD-1B8534DADBB7}"/>
              </a:ext>
            </a:extLst>
          </p:cNvPr>
          <p:cNvSpPr>
            <a:spLocks noGrp="1"/>
          </p:cNvSpPr>
          <p:nvPr>
            <p:ph type="body" sz="quarter" idx="19" hasCustomPrompt="1"/>
          </p:nvPr>
        </p:nvSpPr>
        <p:spPr>
          <a:xfrm>
            <a:off x="6217920" y="2767883"/>
            <a:ext cx="2560320" cy="3307412"/>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cxnSp>
        <p:nvCxnSpPr>
          <p:cNvPr id="21" name="Straight Connector 20">
            <a:extLst>
              <a:ext uri="{FF2B5EF4-FFF2-40B4-BE49-F238E27FC236}">
                <a16:creationId xmlns:a16="http://schemas.microsoft.com/office/drawing/2014/main" id="{DB63B571-AE86-9B4F-B1AD-8F6B3503511E}"/>
              </a:ext>
            </a:extLst>
          </p:cNvPr>
          <p:cNvCxnSpPr>
            <a:cxnSpLocks/>
          </p:cNvCxnSpPr>
          <p:nvPr/>
        </p:nvCxnSpPr>
        <p:spPr>
          <a:xfrm>
            <a:off x="7059913" y="2558367"/>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sp>
        <p:nvSpPr>
          <p:cNvPr id="22" name="Text Placeholder 6">
            <a:extLst>
              <a:ext uri="{FF2B5EF4-FFF2-40B4-BE49-F238E27FC236}">
                <a16:creationId xmlns:a16="http://schemas.microsoft.com/office/drawing/2014/main" id="{0D4592F4-545C-7B49-851C-9ED50B64741D}"/>
              </a:ext>
            </a:extLst>
          </p:cNvPr>
          <p:cNvSpPr>
            <a:spLocks noGrp="1"/>
          </p:cNvSpPr>
          <p:nvPr>
            <p:ph type="body" sz="quarter" idx="20" hasCustomPrompt="1"/>
          </p:nvPr>
        </p:nvSpPr>
        <p:spPr>
          <a:xfrm>
            <a:off x="9022080" y="1593644"/>
            <a:ext cx="2560320" cy="683683"/>
          </a:xfrm>
          <a:prstGeom prst="rect">
            <a:avLst/>
          </a:prstGeom>
          <a:noFill/>
        </p:spPr>
        <p:txBody>
          <a:bodyPr anchor="ctr"/>
          <a:lstStyle>
            <a:lvl1pPr marL="0" indent="0" algn="ctr">
              <a:buNone/>
              <a:defRPr>
                <a:solidFill>
                  <a:schemeClr val="accent1"/>
                </a:solidFill>
                <a:latin typeface="+mj-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text</a:t>
            </a:r>
          </a:p>
        </p:txBody>
      </p:sp>
      <p:sp>
        <p:nvSpPr>
          <p:cNvPr id="23" name="Text Placeholder 6">
            <a:extLst>
              <a:ext uri="{FF2B5EF4-FFF2-40B4-BE49-F238E27FC236}">
                <a16:creationId xmlns:a16="http://schemas.microsoft.com/office/drawing/2014/main" id="{D1DCC1BF-A1E4-204E-A192-45FA8B37641A}"/>
              </a:ext>
            </a:extLst>
          </p:cNvPr>
          <p:cNvSpPr>
            <a:spLocks noGrp="1"/>
          </p:cNvSpPr>
          <p:nvPr>
            <p:ph type="body" sz="quarter" idx="21" hasCustomPrompt="1"/>
          </p:nvPr>
        </p:nvSpPr>
        <p:spPr>
          <a:xfrm>
            <a:off x="9022080" y="2767883"/>
            <a:ext cx="2560320" cy="3307412"/>
          </a:xfrm>
          <a:prstGeom prst="rect">
            <a:avLst/>
          </a:prstGeom>
          <a:noFill/>
        </p:spPr>
        <p:txBody>
          <a:bodyPr tIns="182880" bIns="182880" anchor="t"/>
          <a:lstStyle>
            <a:lvl1pPr marL="0" indent="0" algn="ctr">
              <a:spcAft>
                <a:spcPts val="2000"/>
              </a:spcAft>
              <a:buNone/>
              <a:defRPr sz="1600">
                <a:solidFill>
                  <a:schemeClr val="tx1"/>
                </a:solidFill>
                <a:latin typeface="+mn-lt"/>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stStyle>
          <a:p>
            <a:pPr lvl="0"/>
            <a:r>
              <a:rPr lang="en-US"/>
              <a:t>Click to edit list</a:t>
            </a:r>
          </a:p>
        </p:txBody>
      </p:sp>
      <p:cxnSp>
        <p:nvCxnSpPr>
          <p:cNvPr id="24" name="Straight Connector 23">
            <a:extLst>
              <a:ext uri="{FF2B5EF4-FFF2-40B4-BE49-F238E27FC236}">
                <a16:creationId xmlns:a16="http://schemas.microsoft.com/office/drawing/2014/main" id="{B3818EC7-4A74-EC4C-B75E-4E207C79BA40}"/>
              </a:ext>
            </a:extLst>
          </p:cNvPr>
          <p:cNvCxnSpPr>
            <a:cxnSpLocks/>
          </p:cNvCxnSpPr>
          <p:nvPr/>
        </p:nvCxnSpPr>
        <p:spPr>
          <a:xfrm>
            <a:off x="9864073" y="2558367"/>
            <a:ext cx="876337" cy="0"/>
          </a:xfrm>
          <a:prstGeom prst="line">
            <a:avLst/>
          </a:prstGeom>
          <a:ln w="50800">
            <a:solidFill>
              <a:schemeClr val="accent5"/>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981805120"/>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09602" y="1140101"/>
            <a:ext cx="3932237" cy="1009507"/>
          </a:xfrm>
        </p:spPr>
        <p:txBody>
          <a:bodyPr anchor="b">
            <a:spAutoFit/>
          </a:bodyPr>
          <a:lstStyle>
            <a:lvl1pPr>
              <a:defRPr sz="3200"/>
            </a:lvl1pPr>
          </a:lstStyle>
          <a:p>
            <a:r>
              <a:rPr lang="en-US"/>
              <a:t>Click to edit Master title style</a:t>
            </a:r>
          </a:p>
        </p:txBody>
      </p:sp>
      <p:sp>
        <p:nvSpPr>
          <p:cNvPr id="3" name="Content Placeholder 2"/>
          <p:cNvSpPr>
            <a:spLocks noGrp="1"/>
          </p:cNvSpPr>
          <p:nvPr>
            <p:ph idx="1"/>
          </p:nvPr>
        </p:nvSpPr>
        <p:spPr>
          <a:xfrm>
            <a:off x="5183187" y="549409"/>
            <a:ext cx="6399212" cy="5622791"/>
          </a:xfrm>
          <a:prstGeom prst="rect">
            <a:avLst/>
          </a:prstGeom>
        </p:spPr>
        <p:txBody>
          <a:bodyPr>
            <a:normAutofit/>
          </a:bodyPr>
          <a:lstStyle>
            <a:lvl1pPr>
              <a:defRPr sz="2400">
                <a:latin typeface="+mn-lt"/>
              </a:defRPr>
            </a:lvl1pPr>
            <a:lvl2pPr>
              <a:defRPr sz="2400">
                <a:latin typeface="+mn-lt"/>
              </a:defRPr>
            </a:lvl2pPr>
            <a:lvl3pPr>
              <a:defRPr sz="1867">
                <a:latin typeface="+mn-lt"/>
              </a:defRPr>
            </a:lvl3pPr>
            <a:lvl4pPr>
              <a:defRPr sz="1600">
                <a:latin typeface="+mn-lt"/>
              </a:defRPr>
            </a:lvl4pPr>
            <a:lvl5pPr>
              <a:defRPr sz="1600">
                <a:latin typeface="+mn-lt"/>
              </a:defRPr>
            </a:lvl5pPr>
            <a:lvl6pPr>
              <a:defRPr sz="2000"/>
            </a:lvl6pPr>
            <a:lvl7pPr>
              <a:defRPr sz="2000"/>
            </a:lvl7pPr>
            <a:lvl8pPr>
              <a:defRPr sz="2000"/>
            </a:lvl8pPr>
            <a:lvl9pPr>
              <a:defRPr sz="2000"/>
            </a:lvl9pPr>
          </a:lstStyle>
          <a:p>
            <a:pPr lvl="0"/>
            <a:r>
              <a:rPr lang="en-US"/>
              <a:t>Click to edit Master text styles</a:t>
            </a:r>
          </a:p>
        </p:txBody>
      </p:sp>
      <p:sp>
        <p:nvSpPr>
          <p:cNvPr id="4" name="Text Placeholder 3"/>
          <p:cNvSpPr>
            <a:spLocks noGrp="1"/>
          </p:cNvSpPr>
          <p:nvPr>
            <p:ph type="body" sz="half" idx="2"/>
          </p:nvPr>
        </p:nvSpPr>
        <p:spPr>
          <a:xfrm>
            <a:off x="609602" y="2602328"/>
            <a:ext cx="3932237" cy="3569873"/>
          </a:xfrm>
          <a:prstGeom prst="rect">
            <a:avLst/>
          </a:prstGeom>
        </p:spPr>
        <p:txBody>
          <a:bodyPr/>
          <a:lstStyle>
            <a:lvl1pPr marL="0" indent="0">
              <a:buNone/>
              <a:defRPr sz="1600"/>
            </a:lvl1pPr>
            <a:lvl2pPr marL="457189" indent="0">
              <a:buNone/>
              <a:defRPr sz="1400"/>
            </a:lvl2pPr>
            <a:lvl3pPr marL="914377" indent="0">
              <a:buNone/>
              <a:defRPr sz="1200"/>
            </a:lvl3pPr>
            <a:lvl4pPr marL="1371566" indent="0">
              <a:buNone/>
              <a:defRPr sz="1000"/>
            </a:lvl4pPr>
            <a:lvl5pPr marL="1828754" indent="0">
              <a:buNone/>
              <a:defRPr sz="1000"/>
            </a:lvl5pPr>
            <a:lvl6pPr marL="2285943" indent="0">
              <a:buNone/>
              <a:defRPr sz="1000"/>
            </a:lvl6pPr>
            <a:lvl7pPr marL="2743131" indent="0">
              <a:buNone/>
              <a:defRPr sz="1000"/>
            </a:lvl7pPr>
            <a:lvl8pPr marL="3200320" indent="0">
              <a:buNone/>
              <a:defRPr sz="1000"/>
            </a:lvl8pPr>
            <a:lvl9pPr marL="3657509" indent="0">
              <a:buNone/>
              <a:defRPr sz="1000"/>
            </a:lvl9pPr>
          </a:lstStyle>
          <a:p>
            <a:pPr lvl="0"/>
            <a:r>
              <a:rPr lang="en-US"/>
              <a:t>Click to edit Master text styles</a:t>
            </a:r>
          </a:p>
        </p:txBody>
      </p:sp>
      <p:cxnSp>
        <p:nvCxnSpPr>
          <p:cNvPr id="5" name="Straight Connector 4">
            <a:extLst>
              <a:ext uri="{FF2B5EF4-FFF2-40B4-BE49-F238E27FC236}">
                <a16:creationId xmlns:a16="http://schemas.microsoft.com/office/drawing/2014/main" id="{FCA7E839-900D-774E-8F56-838F3D878E5D}"/>
              </a:ext>
            </a:extLst>
          </p:cNvPr>
          <p:cNvCxnSpPr>
            <a:cxnSpLocks/>
          </p:cNvCxnSpPr>
          <p:nvPr/>
        </p:nvCxnSpPr>
        <p:spPr>
          <a:xfrm>
            <a:off x="770788" y="2343797"/>
            <a:ext cx="876337" cy="0"/>
          </a:xfrm>
          <a:prstGeom prst="line">
            <a:avLst/>
          </a:prstGeom>
          <a:ln w="41275">
            <a:solidFill>
              <a:schemeClr val="accent1"/>
            </a:solidFill>
          </a:ln>
        </p:spPr>
        <p:style>
          <a:lnRef idx="1">
            <a:schemeClr val="accent1"/>
          </a:lnRef>
          <a:fillRef idx="0">
            <a:schemeClr val="accent1"/>
          </a:fillRef>
          <a:effectRef idx="0">
            <a:schemeClr val="accent1"/>
          </a:effectRef>
          <a:fontRef idx="minor">
            <a:schemeClr val="tx1"/>
          </a:fontRef>
        </p:style>
      </p:cxnSp>
      <p:sp>
        <p:nvSpPr>
          <p:cNvPr id="6" name="Footer Placeholder 5">
            <a:extLst>
              <a:ext uri="{FF2B5EF4-FFF2-40B4-BE49-F238E27FC236}">
                <a16:creationId xmlns:a16="http://schemas.microsoft.com/office/drawing/2014/main" id="{949752F4-6AA8-0A44-B1F4-ACD11274616F}"/>
              </a:ext>
            </a:extLst>
          </p:cNvPr>
          <p:cNvSpPr>
            <a:spLocks noGrp="1"/>
          </p:cNvSpPr>
          <p:nvPr>
            <p:ph type="ftr" sz="quarter"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7" name="Slide Number Placeholder 6">
            <a:extLst>
              <a:ext uri="{FF2B5EF4-FFF2-40B4-BE49-F238E27FC236}">
                <a16:creationId xmlns:a16="http://schemas.microsoft.com/office/drawing/2014/main" id="{150F23C2-6EED-534D-BF00-DF11CA20057D}"/>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154526617"/>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objTx" preserve="1">
  <p:cSld name="Content with Caption - dark blue">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892FA5D5-D3F6-6746-A048-3FA1713873EB}"/>
              </a:ext>
            </a:extLst>
          </p:cNvPr>
          <p:cNvSpPr/>
          <p:nvPr/>
        </p:nvSpPr>
        <p:spPr>
          <a:xfrm>
            <a:off x="0" y="0"/>
            <a:ext cx="4825573" cy="68580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FFFFFF"/>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609602" y="1140101"/>
            <a:ext cx="3932237" cy="1009507"/>
          </a:xfrm>
        </p:spPr>
        <p:txBody>
          <a:bodyPr anchor="b">
            <a:spAutoFit/>
          </a:bodyPr>
          <a:lstStyle>
            <a:lvl1pPr>
              <a:defRPr sz="3200">
                <a:solidFill>
                  <a:schemeClr val="bg1"/>
                </a:solidFill>
              </a:defRPr>
            </a:lvl1pPr>
          </a:lstStyle>
          <a:p>
            <a:r>
              <a:rPr lang="en-US"/>
              <a:t>Click to edit Master title style</a:t>
            </a:r>
          </a:p>
        </p:txBody>
      </p:sp>
      <p:sp>
        <p:nvSpPr>
          <p:cNvPr id="3" name="Content Placeholder 2"/>
          <p:cNvSpPr>
            <a:spLocks noGrp="1"/>
          </p:cNvSpPr>
          <p:nvPr>
            <p:ph idx="1"/>
          </p:nvPr>
        </p:nvSpPr>
        <p:spPr>
          <a:xfrm>
            <a:off x="5183187" y="549409"/>
            <a:ext cx="6399212" cy="5622791"/>
          </a:xfrm>
          <a:prstGeom prst="rect">
            <a:avLst/>
          </a:prstGeom>
        </p:spPr>
        <p:txBody>
          <a:bodyPr>
            <a:normAutofit/>
          </a:bodyPr>
          <a:lstStyle>
            <a:lvl1pPr>
              <a:defRPr sz="2400">
                <a:latin typeface="+mn-lt"/>
              </a:defRPr>
            </a:lvl1pPr>
            <a:lvl2pPr>
              <a:defRPr sz="2400">
                <a:latin typeface="+mn-lt"/>
              </a:defRPr>
            </a:lvl2pPr>
            <a:lvl3pPr>
              <a:defRPr sz="1867">
                <a:latin typeface="+mn-lt"/>
              </a:defRPr>
            </a:lvl3pPr>
            <a:lvl4pPr>
              <a:defRPr sz="1600">
                <a:latin typeface="+mn-lt"/>
              </a:defRPr>
            </a:lvl4pPr>
            <a:lvl5pPr>
              <a:defRPr sz="1600">
                <a:latin typeface="+mn-lt"/>
              </a:defRPr>
            </a:lvl5pPr>
            <a:lvl6pPr>
              <a:defRPr sz="2000"/>
            </a:lvl6pPr>
            <a:lvl7pPr>
              <a:defRPr sz="2000"/>
            </a:lvl7pPr>
            <a:lvl8pPr>
              <a:defRPr sz="2000"/>
            </a:lvl8pPr>
            <a:lvl9pPr>
              <a:defRPr sz="2000"/>
            </a:lvl9pPr>
          </a:lstStyle>
          <a:p>
            <a:pPr lvl="0"/>
            <a:r>
              <a:rPr lang="en-US"/>
              <a:t>Click to edit Master text styles</a:t>
            </a:r>
          </a:p>
        </p:txBody>
      </p:sp>
      <p:sp>
        <p:nvSpPr>
          <p:cNvPr id="4" name="Text Placeholder 3"/>
          <p:cNvSpPr>
            <a:spLocks noGrp="1"/>
          </p:cNvSpPr>
          <p:nvPr>
            <p:ph type="body" sz="half" idx="2"/>
          </p:nvPr>
        </p:nvSpPr>
        <p:spPr>
          <a:xfrm>
            <a:off x="609602" y="2602328"/>
            <a:ext cx="3932237" cy="3569873"/>
          </a:xfrm>
          <a:prstGeom prst="rect">
            <a:avLst/>
          </a:prstGeom>
        </p:spPr>
        <p:txBody>
          <a:bodyPr/>
          <a:lstStyle>
            <a:lvl1pPr marL="0" indent="0">
              <a:buNone/>
              <a:defRPr sz="1600">
                <a:solidFill>
                  <a:schemeClr val="bg1"/>
                </a:solidFill>
              </a:defRPr>
            </a:lvl1pPr>
            <a:lvl2pPr marL="457189" indent="0">
              <a:buNone/>
              <a:defRPr sz="1400"/>
            </a:lvl2pPr>
            <a:lvl3pPr marL="914377" indent="0">
              <a:buNone/>
              <a:defRPr sz="1200"/>
            </a:lvl3pPr>
            <a:lvl4pPr marL="1371566" indent="0">
              <a:buNone/>
              <a:defRPr sz="1000"/>
            </a:lvl4pPr>
            <a:lvl5pPr marL="1828754" indent="0">
              <a:buNone/>
              <a:defRPr sz="1000"/>
            </a:lvl5pPr>
            <a:lvl6pPr marL="2285943" indent="0">
              <a:buNone/>
              <a:defRPr sz="1000"/>
            </a:lvl6pPr>
            <a:lvl7pPr marL="2743131" indent="0">
              <a:buNone/>
              <a:defRPr sz="1000"/>
            </a:lvl7pPr>
            <a:lvl8pPr marL="3200320" indent="0">
              <a:buNone/>
              <a:defRPr sz="1000"/>
            </a:lvl8pPr>
            <a:lvl9pPr marL="3657509" indent="0">
              <a:buNone/>
              <a:defRPr sz="1000"/>
            </a:lvl9pPr>
          </a:lstStyle>
          <a:p>
            <a:pPr lvl="0"/>
            <a:r>
              <a:rPr lang="en-US"/>
              <a:t>Click to edit Master text styles</a:t>
            </a:r>
          </a:p>
        </p:txBody>
      </p:sp>
      <p:cxnSp>
        <p:nvCxnSpPr>
          <p:cNvPr id="5" name="Straight Connector 4">
            <a:extLst>
              <a:ext uri="{FF2B5EF4-FFF2-40B4-BE49-F238E27FC236}">
                <a16:creationId xmlns:a16="http://schemas.microsoft.com/office/drawing/2014/main" id="{FCA7E839-900D-774E-8F56-838F3D878E5D}"/>
              </a:ext>
            </a:extLst>
          </p:cNvPr>
          <p:cNvCxnSpPr>
            <a:cxnSpLocks/>
          </p:cNvCxnSpPr>
          <p:nvPr/>
        </p:nvCxnSpPr>
        <p:spPr>
          <a:xfrm>
            <a:off x="770788" y="2343797"/>
            <a:ext cx="876337" cy="0"/>
          </a:xfrm>
          <a:prstGeom prst="line">
            <a:avLst/>
          </a:prstGeom>
          <a:ln w="41275">
            <a:solidFill>
              <a:schemeClr val="accent5"/>
            </a:solidFill>
          </a:ln>
        </p:spPr>
        <p:style>
          <a:lnRef idx="1">
            <a:schemeClr val="accent1"/>
          </a:lnRef>
          <a:fillRef idx="0">
            <a:schemeClr val="accent1"/>
          </a:fillRef>
          <a:effectRef idx="0">
            <a:schemeClr val="accent1"/>
          </a:effectRef>
          <a:fontRef idx="minor">
            <a:schemeClr val="tx1"/>
          </a:fontRef>
        </p:style>
      </p:cxnSp>
      <p:sp>
        <p:nvSpPr>
          <p:cNvPr id="7" name="Footer Placeholder 6">
            <a:extLst>
              <a:ext uri="{FF2B5EF4-FFF2-40B4-BE49-F238E27FC236}">
                <a16:creationId xmlns:a16="http://schemas.microsoft.com/office/drawing/2014/main" id="{F398E12F-AA86-A145-9CF8-29B16647B5D7}"/>
              </a:ext>
            </a:extLst>
          </p:cNvPr>
          <p:cNvSpPr>
            <a:spLocks noGrp="1"/>
          </p:cNvSpPr>
          <p:nvPr>
            <p:ph type="ftr" sz="quarter" idx="10"/>
          </p:nvPr>
        </p:nvSpPr>
        <p:spPr>
          <a:xfrm>
            <a:off x="5183186" y="6356351"/>
            <a:ext cx="4825572" cy="366183"/>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8" name="Slide Number Placeholder 7">
            <a:extLst>
              <a:ext uri="{FF2B5EF4-FFF2-40B4-BE49-F238E27FC236}">
                <a16:creationId xmlns:a16="http://schemas.microsoft.com/office/drawing/2014/main" id="{4447E94C-EEBE-AB45-9D6D-305F48184A62}"/>
              </a:ext>
            </a:extLst>
          </p:cNvPr>
          <p:cNvSpPr>
            <a:spLocks noGrp="1"/>
          </p:cNvSpPr>
          <p:nvPr>
            <p:ph type="sldNum" sz="quarter" idx="11"/>
          </p:nvPr>
        </p:nvSpPr>
        <p:spPr/>
        <p:txBody>
          <a:bodyPr/>
          <a:lstStyle>
            <a:lvl1pPr>
              <a:defRPr>
                <a:solidFill>
                  <a:schemeClr val="accent6"/>
                </a:solidFill>
              </a:defRPr>
            </a:lvl1p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A2A9AD"/>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A2A9AD"/>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288257835"/>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Content - side by side layout">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892FA5D5-D3F6-6746-A048-3FA1713873EB}"/>
              </a:ext>
            </a:extLst>
          </p:cNvPr>
          <p:cNvSpPr/>
          <p:nvPr/>
        </p:nvSpPr>
        <p:spPr>
          <a:xfrm>
            <a:off x="1" y="0"/>
            <a:ext cx="4252332" cy="68580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FFFFFF"/>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609601" y="2219737"/>
            <a:ext cx="3305716" cy="1452705"/>
          </a:xfrm>
        </p:spPr>
        <p:txBody>
          <a:bodyPr anchor="ctr">
            <a:spAutoFit/>
          </a:bodyPr>
          <a:lstStyle>
            <a:lvl1pPr>
              <a:defRPr sz="3200">
                <a:solidFill>
                  <a:schemeClr val="bg1"/>
                </a:solidFill>
              </a:defRPr>
            </a:lvl1pPr>
          </a:lstStyle>
          <a:p>
            <a:r>
              <a:rPr lang="en-US"/>
              <a:t>Click to edit Master title style</a:t>
            </a:r>
          </a:p>
        </p:txBody>
      </p:sp>
      <p:sp>
        <p:nvSpPr>
          <p:cNvPr id="3" name="Content Placeholder 2"/>
          <p:cNvSpPr>
            <a:spLocks noGrp="1"/>
          </p:cNvSpPr>
          <p:nvPr>
            <p:ph idx="1"/>
          </p:nvPr>
        </p:nvSpPr>
        <p:spPr>
          <a:xfrm>
            <a:off x="4524917" y="549409"/>
            <a:ext cx="7057483" cy="5622791"/>
          </a:xfrm>
          <a:prstGeom prst="rect">
            <a:avLst/>
          </a:prstGeom>
        </p:spPr>
        <p:txBody>
          <a:bodyPr>
            <a:normAutofit/>
          </a:bodyPr>
          <a:lstStyle>
            <a:lvl1pPr>
              <a:defRPr sz="2400">
                <a:latin typeface="+mn-lt"/>
              </a:defRPr>
            </a:lvl1pPr>
            <a:lvl2pPr>
              <a:defRPr sz="2400">
                <a:latin typeface="+mn-lt"/>
              </a:defRPr>
            </a:lvl2pPr>
            <a:lvl3pPr>
              <a:defRPr sz="1867">
                <a:latin typeface="+mn-lt"/>
              </a:defRPr>
            </a:lvl3pPr>
            <a:lvl4pPr>
              <a:defRPr sz="1600">
                <a:latin typeface="+mn-lt"/>
              </a:defRPr>
            </a:lvl4pPr>
            <a:lvl5pPr>
              <a:defRPr sz="1600">
                <a:latin typeface="+mn-lt"/>
              </a:defRPr>
            </a:lvl5pPr>
            <a:lvl6pPr>
              <a:defRPr sz="2000"/>
            </a:lvl6pPr>
            <a:lvl7pPr>
              <a:defRPr sz="2000"/>
            </a:lvl7pPr>
            <a:lvl8pPr>
              <a:defRPr sz="2000"/>
            </a:lvl8pPr>
            <a:lvl9pPr>
              <a:defRPr sz="2000"/>
            </a:lvl9pPr>
          </a:lstStyle>
          <a:p>
            <a:pPr lvl="0"/>
            <a:r>
              <a:rPr lang="en-US"/>
              <a:t>Click to edit Master text styles</a:t>
            </a:r>
          </a:p>
        </p:txBody>
      </p:sp>
      <p:sp>
        <p:nvSpPr>
          <p:cNvPr id="7" name="Footer Placeholder 6">
            <a:extLst>
              <a:ext uri="{FF2B5EF4-FFF2-40B4-BE49-F238E27FC236}">
                <a16:creationId xmlns:a16="http://schemas.microsoft.com/office/drawing/2014/main" id="{A6C3BEB0-30F3-5C41-B241-AE8228986168}"/>
              </a:ext>
            </a:extLst>
          </p:cNvPr>
          <p:cNvSpPr>
            <a:spLocks noGrp="1"/>
          </p:cNvSpPr>
          <p:nvPr>
            <p:ph type="ftr" sz="quarter" idx="10"/>
          </p:nvPr>
        </p:nvSpPr>
        <p:spPr>
          <a:xfrm>
            <a:off x="4524917" y="6356351"/>
            <a:ext cx="5506224" cy="366183"/>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8" name="Slide Number Placeholder 7">
            <a:extLst>
              <a:ext uri="{FF2B5EF4-FFF2-40B4-BE49-F238E27FC236}">
                <a16:creationId xmlns:a16="http://schemas.microsoft.com/office/drawing/2014/main" id="{B7689763-8D25-F440-8F2A-2D1F41E9E51A}"/>
              </a:ext>
            </a:extLst>
          </p:cNvPr>
          <p:cNvSpPr>
            <a:spLocks noGrp="1"/>
          </p:cNvSpPr>
          <p:nvPr>
            <p:ph type="sldNum" sz="quarter" idx="11"/>
          </p:nvPr>
        </p:nvSpPr>
        <p:spPr/>
        <p:txBody>
          <a:bodyPr/>
          <a:lstStyle>
            <a:lvl1pPr>
              <a:defRPr>
                <a:solidFill>
                  <a:schemeClr val="accent6"/>
                </a:solidFill>
              </a:defRPr>
            </a:lvl1p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A2A9AD"/>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A2A9AD"/>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3638936091"/>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p:cSld name="2_Content - side by side layout">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892FA5D5-D3F6-6746-A048-3FA1713873EB}"/>
              </a:ext>
            </a:extLst>
          </p:cNvPr>
          <p:cNvSpPr/>
          <p:nvPr/>
        </p:nvSpPr>
        <p:spPr>
          <a:xfrm>
            <a:off x="4215160" y="549409"/>
            <a:ext cx="7976839" cy="5759181"/>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FFFFFF"/>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609600" y="549409"/>
            <a:ext cx="3305716" cy="1452705"/>
          </a:xfrm>
        </p:spPr>
        <p:txBody>
          <a:bodyPr anchor="ctr">
            <a:spAutoFit/>
          </a:bodyPr>
          <a:lstStyle>
            <a:lvl1pPr>
              <a:defRPr sz="3200">
                <a:solidFill>
                  <a:schemeClr val="tx2"/>
                </a:solidFill>
              </a:defRPr>
            </a:lvl1pPr>
          </a:lstStyle>
          <a:p>
            <a:r>
              <a:rPr lang="en-US"/>
              <a:t>Click to edit Master title style</a:t>
            </a:r>
          </a:p>
        </p:txBody>
      </p:sp>
      <p:sp>
        <p:nvSpPr>
          <p:cNvPr id="3" name="Content Placeholder 2"/>
          <p:cNvSpPr>
            <a:spLocks noGrp="1"/>
          </p:cNvSpPr>
          <p:nvPr>
            <p:ph idx="1"/>
          </p:nvPr>
        </p:nvSpPr>
        <p:spPr>
          <a:xfrm>
            <a:off x="4524917" y="742122"/>
            <a:ext cx="7362283" cy="5314121"/>
          </a:xfrm>
          <a:prstGeom prst="rect">
            <a:avLst/>
          </a:prstGeom>
        </p:spPr>
        <p:txBody>
          <a:bodyPr>
            <a:normAutofit/>
          </a:bodyPr>
          <a:lstStyle>
            <a:lvl1pPr>
              <a:defRPr sz="2400">
                <a:latin typeface="+mn-lt"/>
              </a:defRPr>
            </a:lvl1pPr>
            <a:lvl2pPr>
              <a:defRPr sz="2400">
                <a:latin typeface="+mn-lt"/>
              </a:defRPr>
            </a:lvl2pPr>
            <a:lvl3pPr>
              <a:defRPr sz="1867">
                <a:latin typeface="+mn-lt"/>
              </a:defRPr>
            </a:lvl3pPr>
            <a:lvl4pPr>
              <a:defRPr sz="1600">
                <a:latin typeface="+mn-lt"/>
              </a:defRPr>
            </a:lvl4pPr>
            <a:lvl5pPr>
              <a:defRPr sz="1600">
                <a:latin typeface="+mn-lt"/>
              </a:defRPr>
            </a:lvl5pPr>
            <a:lvl6pPr>
              <a:defRPr sz="2000"/>
            </a:lvl6pPr>
            <a:lvl7pPr>
              <a:defRPr sz="2000"/>
            </a:lvl7pPr>
            <a:lvl8pPr>
              <a:defRPr sz="2000"/>
            </a:lvl8pPr>
            <a:lvl9pPr>
              <a:defRPr sz="2000"/>
            </a:lvl9pPr>
          </a:lstStyle>
          <a:p>
            <a:pPr lvl="0"/>
            <a:r>
              <a:rPr lang="en-US"/>
              <a:t>Click to edit Master text styles</a:t>
            </a:r>
          </a:p>
        </p:txBody>
      </p:sp>
      <p:sp>
        <p:nvSpPr>
          <p:cNvPr id="7" name="Footer Placeholder 6">
            <a:extLst>
              <a:ext uri="{FF2B5EF4-FFF2-40B4-BE49-F238E27FC236}">
                <a16:creationId xmlns:a16="http://schemas.microsoft.com/office/drawing/2014/main" id="{A6C3BEB0-30F3-5C41-B241-AE8228986168}"/>
              </a:ext>
            </a:extLst>
          </p:cNvPr>
          <p:cNvSpPr>
            <a:spLocks noGrp="1"/>
          </p:cNvSpPr>
          <p:nvPr>
            <p:ph type="ftr" sz="quarter" idx="10"/>
          </p:nvPr>
        </p:nvSpPr>
        <p:spPr>
          <a:xfrm>
            <a:off x="4524917" y="6356351"/>
            <a:ext cx="5506224" cy="366183"/>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8" name="Slide Number Placeholder 7">
            <a:extLst>
              <a:ext uri="{FF2B5EF4-FFF2-40B4-BE49-F238E27FC236}">
                <a16:creationId xmlns:a16="http://schemas.microsoft.com/office/drawing/2014/main" id="{B7689763-8D25-F440-8F2A-2D1F41E9E51A}"/>
              </a:ext>
            </a:extLst>
          </p:cNvPr>
          <p:cNvSpPr>
            <a:spLocks noGrp="1"/>
          </p:cNvSpPr>
          <p:nvPr>
            <p:ph type="sldNum" sz="quarter" idx="11"/>
          </p:nvPr>
        </p:nvSpPr>
        <p:spPr/>
        <p:txBody>
          <a:bodyPr/>
          <a:lstStyle>
            <a:lvl1pPr>
              <a:defRPr>
                <a:solidFill>
                  <a:schemeClr val="accent6"/>
                </a:solidFill>
              </a:defRPr>
            </a:lvl1p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A2A9AD"/>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A2A9AD"/>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2053176197"/>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p:cSld name="5_Content - side by side layout">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892FA5D5-D3F6-6746-A048-3FA1713873EB}"/>
              </a:ext>
            </a:extLst>
          </p:cNvPr>
          <p:cNvSpPr/>
          <p:nvPr/>
        </p:nvSpPr>
        <p:spPr>
          <a:xfrm>
            <a:off x="4215160" y="0"/>
            <a:ext cx="7976839" cy="6857999"/>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chemeClr val="tx2"/>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609600" y="549409"/>
            <a:ext cx="3305716" cy="1452705"/>
          </a:xfrm>
        </p:spPr>
        <p:txBody>
          <a:bodyPr anchor="ctr">
            <a:spAutoFit/>
          </a:bodyPr>
          <a:lstStyle>
            <a:lvl1pPr>
              <a:defRPr sz="3200">
                <a:solidFill>
                  <a:schemeClr val="accent2"/>
                </a:solidFill>
              </a:defRPr>
            </a:lvl1pPr>
          </a:lstStyle>
          <a:p>
            <a:r>
              <a:rPr lang="en-US"/>
              <a:t>Click to edit Master title style</a:t>
            </a:r>
          </a:p>
        </p:txBody>
      </p:sp>
      <p:sp>
        <p:nvSpPr>
          <p:cNvPr id="3" name="Content Placeholder 2"/>
          <p:cNvSpPr>
            <a:spLocks noGrp="1"/>
          </p:cNvSpPr>
          <p:nvPr>
            <p:ph idx="1"/>
          </p:nvPr>
        </p:nvSpPr>
        <p:spPr>
          <a:xfrm>
            <a:off x="4524917" y="742122"/>
            <a:ext cx="7362283" cy="5314121"/>
          </a:xfrm>
          <a:prstGeom prst="rect">
            <a:avLst/>
          </a:prstGeom>
        </p:spPr>
        <p:txBody>
          <a:bodyPr>
            <a:normAutofit/>
          </a:bodyPr>
          <a:lstStyle>
            <a:lvl1pPr>
              <a:defRPr sz="2400">
                <a:solidFill>
                  <a:schemeClr val="tx2"/>
                </a:solidFill>
                <a:latin typeface="+mn-lt"/>
              </a:defRPr>
            </a:lvl1pPr>
            <a:lvl2pPr>
              <a:defRPr sz="2400">
                <a:latin typeface="+mn-lt"/>
              </a:defRPr>
            </a:lvl2pPr>
            <a:lvl3pPr>
              <a:defRPr sz="1867">
                <a:latin typeface="+mn-lt"/>
              </a:defRPr>
            </a:lvl3pPr>
            <a:lvl4pPr>
              <a:defRPr sz="1600">
                <a:latin typeface="+mn-lt"/>
              </a:defRPr>
            </a:lvl4pPr>
            <a:lvl5pPr>
              <a:defRPr sz="1600">
                <a:latin typeface="+mn-lt"/>
              </a:defRPr>
            </a:lvl5pPr>
            <a:lvl6pPr>
              <a:defRPr sz="2000"/>
            </a:lvl6pPr>
            <a:lvl7pPr>
              <a:defRPr sz="2000"/>
            </a:lvl7pPr>
            <a:lvl8pPr>
              <a:defRPr sz="2000"/>
            </a:lvl8pPr>
            <a:lvl9pPr>
              <a:defRPr sz="2000"/>
            </a:lvl9pPr>
          </a:lstStyle>
          <a:p>
            <a:pPr lvl="0"/>
            <a:r>
              <a:rPr lang="en-US"/>
              <a:t>Click to edit Master text styles</a:t>
            </a:r>
          </a:p>
        </p:txBody>
      </p:sp>
      <p:sp>
        <p:nvSpPr>
          <p:cNvPr id="7" name="Footer Placeholder 6">
            <a:extLst>
              <a:ext uri="{FF2B5EF4-FFF2-40B4-BE49-F238E27FC236}">
                <a16:creationId xmlns:a16="http://schemas.microsoft.com/office/drawing/2014/main" id="{A6C3BEB0-30F3-5C41-B241-AE8228986168}"/>
              </a:ext>
            </a:extLst>
          </p:cNvPr>
          <p:cNvSpPr>
            <a:spLocks noGrp="1"/>
          </p:cNvSpPr>
          <p:nvPr>
            <p:ph type="ftr" sz="quarter" idx="10"/>
          </p:nvPr>
        </p:nvSpPr>
        <p:spPr>
          <a:xfrm>
            <a:off x="4524917" y="6356351"/>
            <a:ext cx="4761963" cy="366183"/>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8" name="Slide Number Placeholder 7">
            <a:extLst>
              <a:ext uri="{FF2B5EF4-FFF2-40B4-BE49-F238E27FC236}">
                <a16:creationId xmlns:a16="http://schemas.microsoft.com/office/drawing/2014/main" id="{B7689763-8D25-F440-8F2A-2D1F41E9E51A}"/>
              </a:ext>
            </a:extLst>
          </p:cNvPr>
          <p:cNvSpPr>
            <a:spLocks noGrp="1"/>
          </p:cNvSpPr>
          <p:nvPr>
            <p:ph type="sldNum" sz="quarter" idx="11"/>
          </p:nvPr>
        </p:nvSpPr>
        <p:spPr/>
        <p:txBody>
          <a:bodyPr/>
          <a:lstStyle>
            <a:lvl1pPr>
              <a:defRPr>
                <a:solidFill>
                  <a:schemeClr val="accent6"/>
                </a:solidFill>
              </a:defRPr>
            </a:lvl1p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A2A9AD"/>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A2A9AD"/>
              </a:solidFill>
              <a:effectLst/>
              <a:uLnTx/>
              <a:uFillTx/>
              <a:latin typeface="Montserrat Bold" panose="020B0604020202020204"/>
              <a:cs typeface="Arial"/>
              <a:sym typeface="Arial"/>
            </a:endParaRPr>
          </a:p>
        </p:txBody>
      </p:sp>
      <p:sp>
        <p:nvSpPr>
          <p:cNvPr id="4" name="TextBox 3">
            <a:extLst>
              <a:ext uri="{FF2B5EF4-FFF2-40B4-BE49-F238E27FC236}">
                <a16:creationId xmlns:a16="http://schemas.microsoft.com/office/drawing/2014/main" id="{64FF4BB4-25A0-401C-972F-8FBD5ABCEB80}"/>
              </a:ext>
            </a:extLst>
          </p:cNvPr>
          <p:cNvSpPr txBox="1"/>
          <p:nvPr userDrawn="1"/>
        </p:nvSpPr>
        <p:spPr>
          <a:xfrm>
            <a:off x="9286880" y="6385553"/>
            <a:ext cx="2600320" cy="307777"/>
          </a:xfrm>
          <a:prstGeom prst="rect">
            <a:avLst/>
          </a:prstGeom>
          <a:noFill/>
        </p:spPr>
        <p:txBody>
          <a:bodyPr wrap="square" rtlCol="0" anchor="ctr">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srgbClr val="003A5D"/>
                </a:solidFill>
                <a:effectLst/>
                <a:uLnTx/>
                <a:uFillTx/>
                <a:latin typeface="Montserrat Bold" panose="020B0604020202020204"/>
                <a:ea typeface="+mn-ea"/>
                <a:cs typeface="+mn-cs"/>
              </a:rPr>
              <a:t>Autobooks Training</a:t>
            </a:r>
            <a:r>
              <a:rPr kumimoji="0" lang="en-US" sz="1400" b="0" i="0" u="none" strike="noStrike" kern="1200" cap="none" spc="0" normalizeH="0" baseline="0" noProof="0">
                <a:ln>
                  <a:noFill/>
                </a:ln>
                <a:solidFill>
                  <a:srgbClr val="003A5D"/>
                </a:solidFill>
                <a:effectLst/>
                <a:uLnTx/>
                <a:uFillTx/>
                <a:latin typeface="Montserrat Light" panose="02020603050405020304"/>
                <a:ea typeface="+mn-ea"/>
                <a:cs typeface="+mn-cs"/>
              </a:rPr>
              <a:t> 2023</a:t>
            </a:r>
          </a:p>
        </p:txBody>
      </p:sp>
    </p:spTree>
    <p:extLst>
      <p:ext uri="{BB962C8B-B14F-4D97-AF65-F5344CB8AC3E}">
        <p14:creationId xmlns:p14="http://schemas.microsoft.com/office/powerpoint/2010/main" val="3459412004"/>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p:cSld name="6_Content - side by side layout">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892FA5D5-D3F6-6746-A048-3FA1713873EB}"/>
              </a:ext>
            </a:extLst>
          </p:cNvPr>
          <p:cNvSpPr/>
          <p:nvPr/>
        </p:nvSpPr>
        <p:spPr>
          <a:xfrm>
            <a:off x="-4956" y="1"/>
            <a:ext cx="7362283" cy="6857999"/>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FFFFFF"/>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8276684" y="771939"/>
            <a:ext cx="3305716" cy="1452705"/>
          </a:xfrm>
        </p:spPr>
        <p:txBody>
          <a:bodyPr anchor="ctr">
            <a:spAutoFit/>
          </a:bodyPr>
          <a:lstStyle>
            <a:lvl1pPr>
              <a:defRPr sz="3200">
                <a:solidFill>
                  <a:schemeClr val="accent2"/>
                </a:solidFill>
              </a:defRPr>
            </a:lvl1pPr>
          </a:lstStyle>
          <a:p>
            <a:r>
              <a:rPr lang="en-US"/>
              <a:t>Click to edit Master title style</a:t>
            </a:r>
          </a:p>
        </p:txBody>
      </p:sp>
      <p:sp>
        <p:nvSpPr>
          <p:cNvPr id="3" name="Content Placeholder 2"/>
          <p:cNvSpPr>
            <a:spLocks noGrp="1"/>
          </p:cNvSpPr>
          <p:nvPr>
            <p:ph idx="1"/>
          </p:nvPr>
        </p:nvSpPr>
        <p:spPr>
          <a:xfrm>
            <a:off x="302321" y="771939"/>
            <a:ext cx="6620993" cy="5314121"/>
          </a:xfrm>
          <a:prstGeom prst="rect">
            <a:avLst/>
          </a:prstGeom>
        </p:spPr>
        <p:txBody>
          <a:bodyPr>
            <a:normAutofit/>
          </a:bodyPr>
          <a:lstStyle>
            <a:lvl1pPr>
              <a:defRPr sz="2400">
                <a:solidFill>
                  <a:schemeClr val="tx2"/>
                </a:solidFill>
                <a:latin typeface="+mn-lt"/>
              </a:defRPr>
            </a:lvl1pPr>
            <a:lvl2pPr>
              <a:defRPr sz="2400">
                <a:latin typeface="+mn-lt"/>
              </a:defRPr>
            </a:lvl2pPr>
            <a:lvl3pPr>
              <a:defRPr sz="1867">
                <a:latin typeface="+mn-lt"/>
              </a:defRPr>
            </a:lvl3pPr>
            <a:lvl4pPr>
              <a:defRPr sz="1600">
                <a:latin typeface="+mn-lt"/>
              </a:defRPr>
            </a:lvl4pPr>
            <a:lvl5pPr>
              <a:defRPr sz="1600">
                <a:latin typeface="+mn-lt"/>
              </a:defRPr>
            </a:lvl5pPr>
            <a:lvl6pPr>
              <a:defRPr sz="2000"/>
            </a:lvl6pPr>
            <a:lvl7pPr>
              <a:defRPr sz="2000"/>
            </a:lvl7pPr>
            <a:lvl8pPr>
              <a:defRPr sz="2000"/>
            </a:lvl8pPr>
            <a:lvl9pPr>
              <a:defRPr sz="2000"/>
            </a:lvl9pPr>
          </a:lstStyle>
          <a:p>
            <a:pPr lvl="0"/>
            <a:r>
              <a:rPr lang="en-US"/>
              <a:t>Click to edit Master text styles</a:t>
            </a:r>
          </a:p>
        </p:txBody>
      </p:sp>
      <p:sp>
        <p:nvSpPr>
          <p:cNvPr id="7" name="Footer Placeholder 6">
            <a:extLst>
              <a:ext uri="{FF2B5EF4-FFF2-40B4-BE49-F238E27FC236}">
                <a16:creationId xmlns:a16="http://schemas.microsoft.com/office/drawing/2014/main" id="{A6C3BEB0-30F3-5C41-B241-AE8228986168}"/>
              </a:ext>
            </a:extLst>
          </p:cNvPr>
          <p:cNvSpPr>
            <a:spLocks noGrp="1"/>
          </p:cNvSpPr>
          <p:nvPr>
            <p:ph type="ftr" sz="quarter" idx="10"/>
          </p:nvPr>
        </p:nvSpPr>
        <p:spPr>
          <a:xfrm>
            <a:off x="4524918" y="6356351"/>
            <a:ext cx="4305574" cy="366183"/>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8" name="Slide Number Placeholder 7">
            <a:extLst>
              <a:ext uri="{FF2B5EF4-FFF2-40B4-BE49-F238E27FC236}">
                <a16:creationId xmlns:a16="http://schemas.microsoft.com/office/drawing/2014/main" id="{B7689763-8D25-F440-8F2A-2D1F41E9E51A}"/>
              </a:ext>
            </a:extLst>
          </p:cNvPr>
          <p:cNvSpPr>
            <a:spLocks noGrp="1"/>
          </p:cNvSpPr>
          <p:nvPr>
            <p:ph type="sldNum" sz="quarter" idx="11"/>
          </p:nvPr>
        </p:nvSpPr>
        <p:spPr/>
        <p:txBody>
          <a:bodyPr/>
          <a:lstStyle>
            <a:lvl1pPr>
              <a:defRPr>
                <a:solidFill>
                  <a:schemeClr val="accent6"/>
                </a:solidFill>
              </a:defRPr>
            </a:lvl1p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A2A9AD"/>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A2A9AD"/>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684473019"/>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p:cSld name="3_Content - side by side layout">
    <p:bg>
      <p:bgPr>
        <a:gradFill>
          <a:gsLst>
            <a:gs pos="35000">
              <a:schemeClr val="accent1"/>
            </a:gs>
            <a:gs pos="99000">
              <a:schemeClr val="accent2"/>
            </a:gs>
          </a:gsLst>
          <a:lin ang="4800000" scaled="0"/>
        </a:gradFill>
        <a:effectLst/>
      </p:bgPr>
    </p:bg>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892FA5D5-D3F6-6746-A048-3FA1713873EB}"/>
              </a:ext>
            </a:extLst>
          </p:cNvPr>
          <p:cNvSpPr/>
          <p:nvPr/>
        </p:nvSpPr>
        <p:spPr>
          <a:xfrm>
            <a:off x="7335865" y="-5433"/>
            <a:ext cx="4856135" cy="6238067"/>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FFFFFF"/>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7625166" y="440921"/>
            <a:ext cx="4277531" cy="978729"/>
          </a:xfrm>
        </p:spPr>
        <p:txBody>
          <a:bodyPr wrap="square" anchor="ctr">
            <a:spAutoFit/>
          </a:bodyPr>
          <a:lstStyle>
            <a:lvl1pPr>
              <a:defRPr sz="3200">
                <a:solidFill>
                  <a:schemeClr val="tx2"/>
                </a:solidFill>
              </a:defRPr>
            </a:lvl1pPr>
          </a:lstStyle>
          <a:p>
            <a:r>
              <a:rPr lang="en-US"/>
              <a:t>Click to edit Master title style</a:t>
            </a:r>
          </a:p>
        </p:txBody>
      </p:sp>
      <p:sp>
        <p:nvSpPr>
          <p:cNvPr id="3" name="Content Placeholder 2"/>
          <p:cNvSpPr>
            <a:spLocks noGrp="1"/>
          </p:cNvSpPr>
          <p:nvPr>
            <p:ph idx="1"/>
          </p:nvPr>
        </p:nvSpPr>
        <p:spPr>
          <a:xfrm>
            <a:off x="609601" y="440921"/>
            <a:ext cx="6228890" cy="5622791"/>
          </a:xfrm>
          <a:prstGeom prst="rect">
            <a:avLst/>
          </a:prstGeom>
        </p:spPr>
        <p:txBody>
          <a:bodyPr>
            <a:normAutofit/>
          </a:bodyPr>
          <a:lstStyle>
            <a:lvl1pPr>
              <a:defRPr sz="2400">
                <a:latin typeface="+mn-lt"/>
              </a:defRPr>
            </a:lvl1pPr>
            <a:lvl2pPr>
              <a:defRPr sz="2400">
                <a:latin typeface="+mn-lt"/>
              </a:defRPr>
            </a:lvl2pPr>
            <a:lvl3pPr>
              <a:defRPr sz="1867">
                <a:latin typeface="+mn-lt"/>
              </a:defRPr>
            </a:lvl3pPr>
            <a:lvl4pPr>
              <a:defRPr sz="1600">
                <a:latin typeface="+mn-lt"/>
              </a:defRPr>
            </a:lvl4pPr>
            <a:lvl5pPr>
              <a:defRPr sz="1600">
                <a:latin typeface="+mn-lt"/>
              </a:defRPr>
            </a:lvl5pPr>
            <a:lvl6pPr>
              <a:defRPr sz="2000"/>
            </a:lvl6pPr>
            <a:lvl7pPr>
              <a:defRPr sz="2000"/>
            </a:lvl7pPr>
            <a:lvl8pPr>
              <a:defRPr sz="2000"/>
            </a:lvl8pPr>
            <a:lvl9pPr>
              <a:defRPr sz="2000"/>
            </a:lvl9pPr>
          </a:lstStyle>
          <a:p>
            <a:pPr lvl="0"/>
            <a:r>
              <a:rPr lang="en-US"/>
              <a:t>Click to edit Master text styles</a:t>
            </a:r>
          </a:p>
        </p:txBody>
      </p:sp>
      <p:sp>
        <p:nvSpPr>
          <p:cNvPr id="7" name="Footer Placeholder 6">
            <a:extLst>
              <a:ext uri="{FF2B5EF4-FFF2-40B4-BE49-F238E27FC236}">
                <a16:creationId xmlns:a16="http://schemas.microsoft.com/office/drawing/2014/main" id="{A6C3BEB0-30F3-5C41-B241-AE8228986168}"/>
              </a:ext>
            </a:extLst>
          </p:cNvPr>
          <p:cNvSpPr>
            <a:spLocks noGrp="1"/>
          </p:cNvSpPr>
          <p:nvPr>
            <p:ph type="ftr" sz="quarter" idx="10"/>
          </p:nvPr>
        </p:nvSpPr>
        <p:spPr>
          <a:xfrm>
            <a:off x="1332266" y="6356351"/>
            <a:ext cx="5506224" cy="366183"/>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8" name="Slide Number Placeholder 7">
            <a:extLst>
              <a:ext uri="{FF2B5EF4-FFF2-40B4-BE49-F238E27FC236}">
                <a16:creationId xmlns:a16="http://schemas.microsoft.com/office/drawing/2014/main" id="{B7689763-8D25-F440-8F2A-2D1F41E9E51A}"/>
              </a:ext>
            </a:extLst>
          </p:cNvPr>
          <p:cNvSpPr>
            <a:spLocks noGrp="1"/>
          </p:cNvSpPr>
          <p:nvPr>
            <p:ph type="sldNum" sz="quarter" idx="11"/>
          </p:nvPr>
        </p:nvSpPr>
        <p:spPr/>
        <p:txBody>
          <a:bodyPr/>
          <a:lstStyle>
            <a:lvl1pPr>
              <a:defRPr>
                <a:solidFill>
                  <a:schemeClr val="accent6"/>
                </a:solidFill>
              </a:defRPr>
            </a:lvl1p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A2A9AD"/>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A2A9AD"/>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72628053"/>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p:cSld name="4_Content - side by side layout">
    <p:bg>
      <p:bgPr>
        <a:gradFill>
          <a:gsLst>
            <a:gs pos="35000">
              <a:schemeClr val="accent1"/>
            </a:gs>
            <a:gs pos="99000">
              <a:schemeClr val="accent2"/>
            </a:gs>
          </a:gsLst>
          <a:lin ang="4800000" scaled="0"/>
        </a:gradFill>
        <a:effectLst/>
      </p:bgPr>
    </p:bg>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892FA5D5-D3F6-6746-A048-3FA1713873EB}"/>
              </a:ext>
            </a:extLst>
          </p:cNvPr>
          <p:cNvSpPr/>
          <p:nvPr/>
        </p:nvSpPr>
        <p:spPr>
          <a:xfrm>
            <a:off x="7335865" y="179012"/>
            <a:ext cx="4856135" cy="6238067"/>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a:ln>
                <a:noFill/>
              </a:ln>
              <a:solidFill>
                <a:srgbClr val="FFFFFF"/>
              </a:solidFill>
              <a:effectLst/>
              <a:uLnTx/>
              <a:uFillTx/>
              <a:latin typeface="Montserrat Light" panose="02020603050405020304"/>
              <a:ea typeface="+mn-ea"/>
              <a:cs typeface="+mn-cs"/>
            </a:endParaRPr>
          </a:p>
        </p:txBody>
      </p:sp>
      <p:sp>
        <p:nvSpPr>
          <p:cNvPr id="2" name="Title 1"/>
          <p:cNvSpPr>
            <a:spLocks noGrp="1"/>
          </p:cNvSpPr>
          <p:nvPr>
            <p:ph type="title"/>
          </p:nvPr>
        </p:nvSpPr>
        <p:spPr>
          <a:xfrm>
            <a:off x="7625166" y="440921"/>
            <a:ext cx="4277531" cy="978729"/>
          </a:xfrm>
        </p:spPr>
        <p:txBody>
          <a:bodyPr wrap="square" anchor="ctr">
            <a:spAutoFit/>
          </a:bodyPr>
          <a:lstStyle>
            <a:lvl1pPr>
              <a:defRPr sz="3200">
                <a:solidFill>
                  <a:schemeClr val="tx2"/>
                </a:solidFill>
              </a:defRPr>
            </a:lvl1pPr>
          </a:lstStyle>
          <a:p>
            <a:r>
              <a:rPr lang="en-US"/>
              <a:t>Click to edit Master title style</a:t>
            </a:r>
          </a:p>
        </p:txBody>
      </p:sp>
      <p:sp>
        <p:nvSpPr>
          <p:cNvPr id="3" name="Content Placeholder 2"/>
          <p:cNvSpPr>
            <a:spLocks noGrp="1"/>
          </p:cNvSpPr>
          <p:nvPr>
            <p:ph idx="1"/>
          </p:nvPr>
        </p:nvSpPr>
        <p:spPr>
          <a:xfrm>
            <a:off x="609601" y="440921"/>
            <a:ext cx="6228890" cy="5622791"/>
          </a:xfrm>
          <a:prstGeom prst="rect">
            <a:avLst/>
          </a:prstGeom>
        </p:spPr>
        <p:txBody>
          <a:bodyPr>
            <a:normAutofit/>
          </a:bodyPr>
          <a:lstStyle>
            <a:lvl1pPr>
              <a:defRPr sz="2400">
                <a:latin typeface="+mn-lt"/>
              </a:defRPr>
            </a:lvl1pPr>
            <a:lvl2pPr>
              <a:defRPr sz="2400">
                <a:latin typeface="+mn-lt"/>
              </a:defRPr>
            </a:lvl2pPr>
            <a:lvl3pPr>
              <a:defRPr sz="1867">
                <a:latin typeface="+mn-lt"/>
              </a:defRPr>
            </a:lvl3pPr>
            <a:lvl4pPr>
              <a:defRPr sz="1600">
                <a:latin typeface="+mn-lt"/>
              </a:defRPr>
            </a:lvl4pPr>
            <a:lvl5pPr>
              <a:defRPr sz="1600">
                <a:latin typeface="+mn-lt"/>
              </a:defRPr>
            </a:lvl5pPr>
            <a:lvl6pPr>
              <a:defRPr sz="2000"/>
            </a:lvl6pPr>
            <a:lvl7pPr>
              <a:defRPr sz="2000"/>
            </a:lvl7pPr>
            <a:lvl8pPr>
              <a:defRPr sz="2000"/>
            </a:lvl8pPr>
            <a:lvl9pPr>
              <a:defRPr sz="2000"/>
            </a:lvl9pPr>
          </a:lstStyle>
          <a:p>
            <a:pPr lvl="0"/>
            <a:r>
              <a:rPr lang="en-US"/>
              <a:t>Click to edit Master text styles</a:t>
            </a:r>
          </a:p>
        </p:txBody>
      </p:sp>
      <p:sp>
        <p:nvSpPr>
          <p:cNvPr id="7" name="Footer Placeholder 6">
            <a:extLst>
              <a:ext uri="{FF2B5EF4-FFF2-40B4-BE49-F238E27FC236}">
                <a16:creationId xmlns:a16="http://schemas.microsoft.com/office/drawing/2014/main" id="{A6C3BEB0-30F3-5C41-B241-AE8228986168}"/>
              </a:ext>
            </a:extLst>
          </p:cNvPr>
          <p:cNvSpPr>
            <a:spLocks noGrp="1"/>
          </p:cNvSpPr>
          <p:nvPr>
            <p:ph type="ftr" sz="quarter" idx="10"/>
          </p:nvPr>
        </p:nvSpPr>
        <p:spPr>
          <a:xfrm>
            <a:off x="1332266" y="6356351"/>
            <a:ext cx="5506224" cy="366183"/>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8" name="Slide Number Placeholder 7">
            <a:extLst>
              <a:ext uri="{FF2B5EF4-FFF2-40B4-BE49-F238E27FC236}">
                <a16:creationId xmlns:a16="http://schemas.microsoft.com/office/drawing/2014/main" id="{B7689763-8D25-F440-8F2A-2D1F41E9E51A}"/>
              </a:ext>
            </a:extLst>
          </p:cNvPr>
          <p:cNvSpPr>
            <a:spLocks noGrp="1"/>
          </p:cNvSpPr>
          <p:nvPr>
            <p:ph type="sldNum" sz="quarter" idx="11"/>
          </p:nvPr>
        </p:nvSpPr>
        <p:spPr/>
        <p:txBody>
          <a:bodyPr/>
          <a:lstStyle>
            <a:lvl1pPr>
              <a:defRPr>
                <a:solidFill>
                  <a:schemeClr val="accent6"/>
                </a:solidFill>
              </a:defRPr>
            </a:lvl1p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A2A9AD"/>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A2A9AD"/>
              </a:solidFill>
              <a:effectLst/>
              <a:uLnTx/>
              <a:uFillTx/>
              <a:latin typeface="Montserrat Bold" panose="020B0604020202020204"/>
              <a:cs typeface="Arial"/>
              <a:sym typeface="Arial"/>
            </a:endParaRPr>
          </a:p>
        </p:txBody>
      </p:sp>
      <p:pic>
        <p:nvPicPr>
          <p:cNvPr id="4" name="Picture 3" descr="A picture containing gear&#10;&#10;Description automatically generated">
            <a:extLst>
              <a:ext uri="{FF2B5EF4-FFF2-40B4-BE49-F238E27FC236}">
                <a16:creationId xmlns:a16="http://schemas.microsoft.com/office/drawing/2014/main" id="{A4EFBCA4-5C43-D60A-364C-13F9DDF528B3}"/>
              </a:ext>
            </a:extLst>
          </p:cNvPr>
          <p:cNvPicPr>
            <a:picLocks noChangeAspect="1"/>
          </p:cNvPicPr>
          <p:nvPr userDrawn="1"/>
        </p:nvPicPr>
        <p:blipFill>
          <a:blip r:embed="rId2"/>
          <a:stretch>
            <a:fillRect/>
          </a:stretch>
        </p:blipFill>
        <p:spPr>
          <a:xfrm>
            <a:off x="7558284" y="2678621"/>
            <a:ext cx="1344075" cy="207264"/>
          </a:xfrm>
          <a:prstGeom prst="rect">
            <a:avLst/>
          </a:prstGeom>
        </p:spPr>
      </p:pic>
      <p:cxnSp>
        <p:nvCxnSpPr>
          <p:cNvPr id="9" name="Straight Connector 8">
            <a:extLst>
              <a:ext uri="{FF2B5EF4-FFF2-40B4-BE49-F238E27FC236}">
                <a16:creationId xmlns:a16="http://schemas.microsoft.com/office/drawing/2014/main" id="{594E5BF3-3DFC-138D-2709-CD71DDF9B59A}"/>
              </a:ext>
            </a:extLst>
          </p:cNvPr>
          <p:cNvCxnSpPr/>
          <p:nvPr userDrawn="1"/>
        </p:nvCxnSpPr>
        <p:spPr>
          <a:xfrm>
            <a:off x="3994636" y="4468431"/>
            <a:ext cx="0" cy="182880"/>
          </a:xfrm>
          <a:prstGeom prst="line">
            <a:avLst/>
          </a:prstGeom>
          <a:ln w="12700" cap="sq"/>
        </p:spPr>
        <p:style>
          <a:lnRef idx="1">
            <a:schemeClr val="accent1"/>
          </a:lnRef>
          <a:fillRef idx="0">
            <a:schemeClr val="accent1"/>
          </a:fillRef>
          <a:effectRef idx="0">
            <a:schemeClr val="accent1"/>
          </a:effectRef>
          <a:fontRef idx="minor">
            <a:schemeClr val="tx1"/>
          </a:fontRef>
        </p:style>
      </p:cxnSp>
      <p:sp>
        <p:nvSpPr>
          <p:cNvPr id="10" name="TextBox 9">
            <a:extLst>
              <a:ext uri="{FF2B5EF4-FFF2-40B4-BE49-F238E27FC236}">
                <a16:creationId xmlns:a16="http://schemas.microsoft.com/office/drawing/2014/main" id="{D2CAA2DB-CC8E-53A6-0A89-F99F98AE0C09}"/>
              </a:ext>
            </a:extLst>
          </p:cNvPr>
          <p:cNvSpPr txBox="1"/>
          <p:nvPr userDrawn="1"/>
        </p:nvSpPr>
        <p:spPr>
          <a:xfrm>
            <a:off x="4158716" y="4404578"/>
            <a:ext cx="2600320" cy="307777"/>
          </a:xfrm>
          <a:prstGeom prst="rect">
            <a:avLst/>
          </a:prstGeom>
          <a:noFill/>
        </p:spPr>
        <p:txBody>
          <a:bodyPr wrap="square" rtlCol="0" anchor="ctr">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srgbClr val="F3F3F3"/>
                </a:solidFill>
                <a:effectLst/>
                <a:uLnTx/>
                <a:uFillTx/>
                <a:latin typeface="Montserrat Bold" panose="020B0604020202020204"/>
                <a:ea typeface="+mn-ea"/>
                <a:cs typeface="+mn-cs"/>
              </a:rPr>
              <a:t>Autobooks Training</a:t>
            </a:r>
            <a:r>
              <a:rPr kumimoji="0" lang="en-US" sz="1400" b="0" i="0" u="none" strike="noStrike" kern="1200" cap="none" spc="0" normalizeH="0" baseline="0" noProof="0">
                <a:ln>
                  <a:noFill/>
                </a:ln>
                <a:solidFill>
                  <a:srgbClr val="F3F3F3"/>
                </a:solidFill>
                <a:effectLst/>
                <a:uLnTx/>
                <a:uFillTx/>
                <a:latin typeface="Montserrat Light" panose="02020603050405020304"/>
                <a:ea typeface="+mn-ea"/>
                <a:cs typeface="+mn-cs"/>
              </a:rPr>
              <a:t> 2023</a:t>
            </a:r>
          </a:p>
        </p:txBody>
      </p:sp>
      <p:cxnSp>
        <p:nvCxnSpPr>
          <p:cNvPr id="11" name="Straight Connector 10">
            <a:extLst>
              <a:ext uri="{FF2B5EF4-FFF2-40B4-BE49-F238E27FC236}">
                <a16:creationId xmlns:a16="http://schemas.microsoft.com/office/drawing/2014/main" id="{7D5EBFCB-8D95-73A3-26F9-5022A4921F05}"/>
              </a:ext>
            </a:extLst>
          </p:cNvPr>
          <p:cNvCxnSpPr/>
          <p:nvPr userDrawn="1"/>
        </p:nvCxnSpPr>
        <p:spPr>
          <a:xfrm>
            <a:off x="3994636" y="4990221"/>
            <a:ext cx="0" cy="182880"/>
          </a:xfrm>
          <a:prstGeom prst="line">
            <a:avLst/>
          </a:prstGeom>
          <a:ln w="12700" cap="sq"/>
        </p:spPr>
        <p:style>
          <a:lnRef idx="1">
            <a:schemeClr val="accent1"/>
          </a:lnRef>
          <a:fillRef idx="0">
            <a:schemeClr val="accent1"/>
          </a:fillRef>
          <a:effectRef idx="0">
            <a:schemeClr val="accent1"/>
          </a:effectRef>
          <a:fontRef idx="minor">
            <a:schemeClr val="tx1"/>
          </a:fontRef>
        </p:style>
      </p:cxnSp>
      <p:sp>
        <p:nvSpPr>
          <p:cNvPr id="12" name="TextBox 11">
            <a:extLst>
              <a:ext uri="{FF2B5EF4-FFF2-40B4-BE49-F238E27FC236}">
                <a16:creationId xmlns:a16="http://schemas.microsoft.com/office/drawing/2014/main" id="{DC6A8117-9744-A0EB-A151-85E16503D4E1}"/>
              </a:ext>
            </a:extLst>
          </p:cNvPr>
          <p:cNvSpPr txBox="1"/>
          <p:nvPr userDrawn="1"/>
        </p:nvSpPr>
        <p:spPr>
          <a:xfrm>
            <a:off x="4158716" y="4926368"/>
            <a:ext cx="2600320" cy="307777"/>
          </a:xfrm>
          <a:prstGeom prst="rect">
            <a:avLst/>
          </a:prstGeom>
          <a:noFill/>
        </p:spPr>
        <p:txBody>
          <a:bodyPr wrap="square" rtlCol="0" anchor="ctr">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srgbClr val="003A5D"/>
                </a:solidFill>
                <a:effectLst/>
                <a:uLnTx/>
                <a:uFillTx/>
                <a:latin typeface="Montserrat Bold" panose="020B0604020202020204"/>
                <a:ea typeface="+mn-ea"/>
                <a:cs typeface="+mn-cs"/>
              </a:rPr>
              <a:t>Autobooks Training</a:t>
            </a:r>
            <a:r>
              <a:rPr kumimoji="0" lang="en-US" sz="1400" b="0" i="0" u="none" strike="noStrike" kern="1200" cap="none" spc="0" normalizeH="0" baseline="0" noProof="0">
                <a:ln>
                  <a:noFill/>
                </a:ln>
                <a:solidFill>
                  <a:srgbClr val="003A5D"/>
                </a:solidFill>
                <a:effectLst/>
                <a:uLnTx/>
                <a:uFillTx/>
                <a:latin typeface="Montserrat Light" panose="02020603050405020304"/>
                <a:ea typeface="+mn-ea"/>
                <a:cs typeface="+mn-cs"/>
              </a:rPr>
              <a:t> 2023</a:t>
            </a:r>
          </a:p>
        </p:txBody>
      </p:sp>
    </p:spTree>
    <p:extLst>
      <p:ext uri="{BB962C8B-B14F-4D97-AF65-F5344CB8AC3E}">
        <p14:creationId xmlns:p14="http://schemas.microsoft.com/office/powerpoint/2010/main" val="320852825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2_Blank">
    <p:spTree>
      <p:nvGrpSpPr>
        <p:cNvPr id="1" name=""/>
        <p:cNvGrpSpPr/>
        <p:nvPr/>
      </p:nvGrpSpPr>
      <p:grpSpPr>
        <a:xfrm>
          <a:off x="0" y="0"/>
          <a:ext cx="0" cy="0"/>
          <a:chOff x="0" y="0"/>
          <a:chExt cx="0" cy="0"/>
        </a:xfrm>
      </p:grpSpPr>
      <p:sp>
        <p:nvSpPr>
          <p:cNvPr id="3" name="Slide Number Placeholder 2">
            <a:extLst>
              <a:ext uri="{FF2B5EF4-FFF2-40B4-BE49-F238E27FC236}">
                <a16:creationId xmlns:a16="http://schemas.microsoft.com/office/drawing/2014/main" id="{BE72BD95-3398-6F4B-B3BB-D4977E8C0C55}"/>
              </a:ext>
            </a:extLst>
          </p:cNvPr>
          <p:cNvSpPr>
            <a:spLocks noGrp="1"/>
          </p:cNvSpPr>
          <p:nvPr>
            <p:ph type="sldNum" sz="quarter" idx="11"/>
          </p:nvPr>
        </p:nvSpPr>
        <p:spPr/>
        <p:txBody>
          <a:bodyPr/>
          <a:lstStyle/>
          <a:p>
            <a:fld id="{F7CADEA9-0AFC-B549-B690-A46B9B6402E4}" type="slidenum">
              <a:rPr lang="en-US" smtClean="0"/>
              <a:pPr/>
              <a:t>‹#›</a:t>
            </a:fld>
            <a:endParaRPr lang="en-US"/>
          </a:p>
        </p:txBody>
      </p:sp>
      <p:sp>
        <p:nvSpPr>
          <p:cNvPr id="4" name="Picture 1">
            <a:extLst>
              <a:ext uri="{FF2B5EF4-FFF2-40B4-BE49-F238E27FC236}">
                <a16:creationId xmlns:a16="http://schemas.microsoft.com/office/drawing/2014/main" id="{CD37CDD5-2680-7EA4-E4B9-69E06D919564}"/>
              </a:ext>
            </a:extLst>
          </p:cNvPr>
          <p:cNvSpPr>
            <a:spLocks noGrp="1"/>
          </p:cNvSpPr>
          <p:nvPr>
            <p:ph type="pic" sz="quarter" idx="13" hasCustomPrompt="1"/>
          </p:nvPr>
        </p:nvSpPr>
        <p:spPr>
          <a:xfrm>
            <a:off x="1150442" y="504630"/>
            <a:ext cx="5341938" cy="5472423"/>
          </a:xfrm>
          <a:prstGeom prst="roundRect">
            <a:avLst>
              <a:gd name="adj" fmla="val 4989"/>
            </a:avLst>
          </a:prstGeom>
        </p:spPr>
        <p:txBody>
          <a:bodyPr>
            <a:noAutofit/>
          </a:bodyPr>
          <a:lstStyle/>
          <a:p>
            <a:r>
              <a:rPr lang="en-US"/>
              <a:t>Click icon to add picture</a:t>
            </a:r>
            <a:endParaRPr lang="ru-RU" dirty="0"/>
          </a:p>
        </p:txBody>
      </p:sp>
    </p:spTree>
    <p:extLst>
      <p:ext uri="{BB962C8B-B14F-4D97-AF65-F5344CB8AC3E}">
        <p14:creationId xmlns:p14="http://schemas.microsoft.com/office/powerpoint/2010/main" val="3731268475"/>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p:cSld name="40/60 Picture Left">
    <p:spTree>
      <p:nvGrpSpPr>
        <p:cNvPr id="1" name=""/>
        <p:cNvGrpSpPr/>
        <p:nvPr/>
      </p:nvGrpSpPr>
      <p:grpSpPr>
        <a:xfrm>
          <a:off x="0" y="0"/>
          <a:ext cx="0" cy="0"/>
          <a:chOff x="0" y="0"/>
          <a:chExt cx="0" cy="0"/>
        </a:xfrm>
      </p:grpSpPr>
      <p:sp>
        <p:nvSpPr>
          <p:cNvPr id="4" name="Title">
            <a:extLst>
              <a:ext uri="{FF2B5EF4-FFF2-40B4-BE49-F238E27FC236}">
                <a16:creationId xmlns:a16="http://schemas.microsoft.com/office/drawing/2014/main" id="{43AB56C1-0678-4D4D-A0C1-BF6FB90608E8}"/>
              </a:ext>
            </a:extLst>
          </p:cNvPr>
          <p:cNvSpPr>
            <a:spLocks noGrp="1"/>
          </p:cNvSpPr>
          <p:nvPr>
            <p:ph type="title" hasCustomPrompt="1"/>
          </p:nvPr>
        </p:nvSpPr>
        <p:spPr>
          <a:xfrm>
            <a:off x="7690263" y="1013949"/>
            <a:ext cx="3606387" cy="1129472"/>
          </a:xfrm>
        </p:spPr>
        <p:txBody>
          <a:bodyPr anchor="t">
            <a:noAutofit/>
          </a:bodyPr>
          <a:lstStyle>
            <a:lvl1pPr>
              <a:defRPr sz="3700"/>
            </a:lvl1pPr>
          </a:lstStyle>
          <a:p>
            <a:r>
              <a:rPr lang="en-US"/>
              <a:t>Click to add title</a:t>
            </a:r>
            <a:endParaRPr lang="ru-RU" dirty="0"/>
          </a:p>
        </p:txBody>
      </p:sp>
      <p:sp>
        <p:nvSpPr>
          <p:cNvPr id="21" name="Text 1">
            <a:extLst>
              <a:ext uri="{FF2B5EF4-FFF2-40B4-BE49-F238E27FC236}">
                <a16:creationId xmlns:a16="http://schemas.microsoft.com/office/drawing/2014/main" id="{04A05C96-2DF6-4BA5-B23B-363E77BE81D8}"/>
              </a:ext>
            </a:extLst>
          </p:cNvPr>
          <p:cNvSpPr>
            <a:spLocks noGrp="1"/>
          </p:cNvSpPr>
          <p:nvPr>
            <p:ph type="body" sz="quarter" idx="15" hasCustomPrompt="1"/>
          </p:nvPr>
        </p:nvSpPr>
        <p:spPr>
          <a:xfrm>
            <a:off x="7690264" y="2477491"/>
            <a:ext cx="3606386" cy="2368231"/>
          </a:xfrm>
        </p:spPr>
        <p:txBody>
          <a:bodyPr>
            <a:noAutofit/>
          </a:bodyPr>
          <a:lstStyle>
            <a:lvl1pPr marL="0" marR="0" indent="0" algn="l" defTabSz="914400" rtl="0" eaLnBrk="1" fontAlgn="auto" latinLnBrk="0" hangingPunct="1">
              <a:lnSpc>
                <a:spcPts val="2000"/>
              </a:lnSpc>
              <a:spcBef>
                <a:spcPts val="1000"/>
              </a:spcBef>
              <a:spcAft>
                <a:spcPts val="0"/>
              </a:spcAft>
              <a:buClrTx/>
              <a:buSzTx/>
              <a:buFont typeface="Arial" panose="020B0604020202020204" pitchFamily="34" charset="0"/>
              <a:buNone/>
              <a:tabLst/>
              <a:defRPr sz="1400">
                <a:latin typeface="+mn-lt"/>
                <a:ea typeface="Roboto" panose="02000000000000000000" pitchFamily="2" charset="0"/>
              </a:defRPr>
            </a:lvl1pPr>
          </a:lstStyle>
          <a:p>
            <a:pPr marL="0" marR="0" lvl="0" indent="0" algn="l" defTabSz="914400" rtl="0" eaLnBrk="1" fontAlgn="auto" latinLnBrk="0" hangingPunct="1">
              <a:lnSpc>
                <a:spcPts val="2000"/>
              </a:lnSpc>
              <a:spcBef>
                <a:spcPts val="1000"/>
              </a:spcBef>
              <a:spcAft>
                <a:spcPts val="0"/>
              </a:spcAft>
              <a:buClrTx/>
              <a:buSzTx/>
              <a:buFont typeface="Arial" panose="020B0604020202020204" pitchFamily="34" charset="0"/>
              <a:buNone/>
              <a:tabLst/>
              <a:defRPr/>
            </a:pPr>
            <a:r>
              <a:rPr lang="en-US"/>
              <a:t>Click to add text</a:t>
            </a:r>
            <a:endParaRPr lang="ru-RU" dirty="0"/>
          </a:p>
        </p:txBody>
      </p:sp>
      <p:sp>
        <p:nvSpPr>
          <p:cNvPr id="32" name="Text 3">
            <a:extLst>
              <a:ext uri="{FF2B5EF4-FFF2-40B4-BE49-F238E27FC236}">
                <a16:creationId xmlns:a16="http://schemas.microsoft.com/office/drawing/2014/main" id="{F82FAA2C-7733-4F9B-896B-1F1CD90A5F76}"/>
              </a:ext>
            </a:extLst>
          </p:cNvPr>
          <p:cNvSpPr>
            <a:spLocks noGrp="1"/>
          </p:cNvSpPr>
          <p:nvPr>
            <p:ph type="body" sz="quarter" idx="30" hasCustomPrompt="1"/>
          </p:nvPr>
        </p:nvSpPr>
        <p:spPr>
          <a:xfrm>
            <a:off x="8363217" y="5530474"/>
            <a:ext cx="2933433" cy="507600"/>
          </a:xfrm>
        </p:spPr>
        <p:txBody>
          <a:bodyPr>
            <a:noAutofit/>
          </a:bodyPr>
          <a:lstStyle>
            <a:lvl1pPr>
              <a:lnSpc>
                <a:spcPts val="1900"/>
              </a:lnSpc>
              <a:defRPr sz="1400">
                <a:latin typeface="+mn-lt"/>
                <a:ea typeface="Roboto" panose="02000000000000000000" pitchFamily="2" charset="0"/>
              </a:defRPr>
            </a:lvl1pPr>
          </a:lstStyle>
          <a:p>
            <a:pPr lvl="0"/>
            <a:r>
              <a:rPr lang="en-US"/>
              <a:t>Click to add text</a:t>
            </a:r>
            <a:endParaRPr lang="ru-RU" dirty="0"/>
          </a:p>
        </p:txBody>
      </p:sp>
      <p:sp>
        <p:nvSpPr>
          <p:cNvPr id="8" name="Picture 1">
            <a:extLst>
              <a:ext uri="{FF2B5EF4-FFF2-40B4-BE49-F238E27FC236}">
                <a16:creationId xmlns:a16="http://schemas.microsoft.com/office/drawing/2014/main" id="{E0CFFFD7-79C6-4993-8355-67C48B6622A6}"/>
              </a:ext>
            </a:extLst>
          </p:cNvPr>
          <p:cNvSpPr>
            <a:spLocks noGrp="1"/>
          </p:cNvSpPr>
          <p:nvPr>
            <p:ph type="pic" sz="quarter" idx="31" hasCustomPrompt="1"/>
          </p:nvPr>
        </p:nvSpPr>
        <p:spPr>
          <a:xfrm>
            <a:off x="0" y="0"/>
            <a:ext cx="7237379" cy="6858000"/>
          </a:xfrm>
          <a:prstGeom prst="rect">
            <a:avLst/>
          </a:prstGeom>
        </p:spPr>
        <p:txBody>
          <a:bodyPr>
            <a:noAutofit/>
          </a:bodyPr>
          <a:lstStyle/>
          <a:p>
            <a:r>
              <a:rPr lang="en-US"/>
              <a:t>Click icon to add picture</a:t>
            </a:r>
            <a:endParaRPr lang="ru-RU" dirty="0"/>
          </a:p>
        </p:txBody>
      </p:sp>
      <p:sp>
        <p:nvSpPr>
          <p:cNvPr id="7" name="Text 2">
            <a:extLst>
              <a:ext uri="{FF2B5EF4-FFF2-40B4-BE49-F238E27FC236}">
                <a16:creationId xmlns:a16="http://schemas.microsoft.com/office/drawing/2014/main" id="{9EDE2177-C912-47F3-8D3C-67377B31DF8E}"/>
              </a:ext>
            </a:extLst>
          </p:cNvPr>
          <p:cNvSpPr>
            <a:spLocks noGrp="1"/>
          </p:cNvSpPr>
          <p:nvPr>
            <p:ph type="body" sz="quarter" idx="22" hasCustomPrompt="1"/>
          </p:nvPr>
        </p:nvSpPr>
        <p:spPr>
          <a:xfrm>
            <a:off x="10963374" y="365148"/>
            <a:ext cx="573632" cy="295275"/>
          </a:xfrm>
        </p:spPr>
        <p:txBody>
          <a:bodyPr>
            <a:noAutofit/>
          </a:bodyPr>
          <a:lstStyle>
            <a:lvl1pPr algn="ctr">
              <a:defRPr sz="2100" b="0">
                <a:solidFill>
                  <a:srgbClr val="A7DCDE"/>
                </a:solidFill>
                <a:latin typeface="Roboto" panose="02000000000000000000" pitchFamily="2" charset="0"/>
                <a:ea typeface="Roboto" panose="02000000000000000000" pitchFamily="2" charset="0"/>
              </a:defRPr>
            </a:lvl1pPr>
          </a:lstStyle>
          <a:p>
            <a:pPr lvl="0"/>
            <a:r>
              <a:rPr lang="ru-RU" dirty="0"/>
              <a:t>№</a:t>
            </a:r>
          </a:p>
        </p:txBody>
      </p:sp>
    </p:spTree>
    <p:custDataLst>
      <p:tags r:id="rId1"/>
    </p:custDataLst>
    <p:extLst>
      <p:ext uri="{BB962C8B-B14F-4D97-AF65-F5344CB8AC3E}">
        <p14:creationId xmlns:p14="http://schemas.microsoft.com/office/powerpoint/2010/main" val="80797802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Course Title">
    <p:spTree>
      <p:nvGrpSpPr>
        <p:cNvPr id="1" name=""/>
        <p:cNvGrpSpPr/>
        <p:nvPr/>
      </p:nvGrpSpPr>
      <p:grpSpPr>
        <a:xfrm>
          <a:off x="0" y="0"/>
          <a:ext cx="0" cy="0"/>
          <a:chOff x="0" y="0"/>
          <a:chExt cx="0" cy="0"/>
        </a:xfrm>
      </p:grpSpPr>
      <p:sp>
        <p:nvSpPr>
          <p:cNvPr id="9" name="Text 1">
            <a:extLst>
              <a:ext uri="{FF2B5EF4-FFF2-40B4-BE49-F238E27FC236}">
                <a16:creationId xmlns:a16="http://schemas.microsoft.com/office/drawing/2014/main" id="{9A0DA8F2-C5CE-404A-90DA-FE51BF11B3BD}"/>
              </a:ext>
            </a:extLst>
          </p:cNvPr>
          <p:cNvSpPr>
            <a:spLocks noGrp="1"/>
          </p:cNvSpPr>
          <p:nvPr>
            <p:ph type="body" sz="quarter" idx="10" hasCustomPrompt="1"/>
          </p:nvPr>
        </p:nvSpPr>
        <p:spPr>
          <a:xfrm>
            <a:off x="828251" y="4242833"/>
            <a:ext cx="4739844" cy="1905924"/>
          </a:xfrm>
        </p:spPr>
        <p:txBody>
          <a:bodyPr anchor="t" anchorCtr="0">
            <a:noAutofit/>
          </a:bodyPr>
          <a:lstStyle>
            <a:lvl1pPr>
              <a:lnSpc>
                <a:spcPts val="2300"/>
              </a:lnSpc>
              <a:defRPr sz="1800" b="0" spc="-40" baseline="0">
                <a:solidFill>
                  <a:schemeClr val="bg1">
                    <a:lumMod val="95000"/>
                  </a:schemeClr>
                </a:solidFill>
                <a:latin typeface="+mn-lt"/>
                <a:ea typeface="Roboto Thin" panose="02000000000000000000" pitchFamily="2" charset="0"/>
              </a:defRPr>
            </a:lvl1pPr>
          </a:lstStyle>
          <a:p>
            <a:pPr lvl="0"/>
            <a:r>
              <a:rPr lang="en-US" dirty="0">
                <a:effectLst/>
              </a:rPr>
              <a:t>Click to add text</a:t>
            </a:r>
            <a:endParaRPr lang="ru-RU" dirty="0"/>
          </a:p>
        </p:txBody>
      </p:sp>
      <p:sp>
        <p:nvSpPr>
          <p:cNvPr id="10" name="Text 2">
            <a:extLst>
              <a:ext uri="{FF2B5EF4-FFF2-40B4-BE49-F238E27FC236}">
                <a16:creationId xmlns:a16="http://schemas.microsoft.com/office/drawing/2014/main" id="{55A633C2-FAF3-4099-BCE0-7672F9BC68C0}"/>
              </a:ext>
            </a:extLst>
          </p:cNvPr>
          <p:cNvSpPr>
            <a:spLocks noGrp="1"/>
          </p:cNvSpPr>
          <p:nvPr>
            <p:ph type="body" sz="quarter" idx="11" hasCustomPrompt="1"/>
          </p:nvPr>
        </p:nvSpPr>
        <p:spPr>
          <a:xfrm>
            <a:off x="820247" y="1410785"/>
            <a:ext cx="4747848" cy="392379"/>
          </a:xfrm>
        </p:spPr>
        <p:txBody>
          <a:bodyPr>
            <a:noAutofit/>
          </a:bodyPr>
          <a:lstStyle>
            <a:lvl1pPr>
              <a:defRPr sz="1600" spc="500" baseline="0">
                <a:solidFill>
                  <a:schemeClr val="accent1">
                    <a:lumMod val="40000"/>
                    <a:lumOff val="60000"/>
                  </a:schemeClr>
                </a:solidFill>
                <a:latin typeface="+mn-lt"/>
              </a:defRPr>
            </a:lvl1pPr>
          </a:lstStyle>
          <a:p>
            <a:pPr lvl="0"/>
            <a:r>
              <a:rPr lang="en-US" dirty="0"/>
              <a:t>Click to add text</a:t>
            </a:r>
            <a:endParaRPr lang="ru-RU" dirty="0"/>
          </a:p>
        </p:txBody>
      </p:sp>
      <p:sp>
        <p:nvSpPr>
          <p:cNvPr id="15" name="Picture 1">
            <a:extLst>
              <a:ext uri="{FF2B5EF4-FFF2-40B4-BE49-F238E27FC236}">
                <a16:creationId xmlns:a16="http://schemas.microsoft.com/office/drawing/2014/main" id="{77D3B980-F6AA-4690-93ED-BD63226463B1}"/>
              </a:ext>
            </a:extLst>
          </p:cNvPr>
          <p:cNvSpPr>
            <a:spLocks noGrp="1"/>
          </p:cNvSpPr>
          <p:nvPr>
            <p:ph type="pic" sz="quarter" idx="13" hasCustomPrompt="1"/>
          </p:nvPr>
        </p:nvSpPr>
        <p:spPr>
          <a:xfrm>
            <a:off x="6203950" y="560387"/>
            <a:ext cx="5341938" cy="5737226"/>
          </a:xfrm>
          <a:prstGeom prst="roundRect">
            <a:avLst>
              <a:gd name="adj" fmla="val 4989"/>
            </a:avLst>
          </a:prstGeom>
        </p:spPr>
        <p:txBody>
          <a:bodyPr>
            <a:noAutofit/>
          </a:bodyPr>
          <a:lstStyle/>
          <a:p>
            <a:r>
              <a:rPr lang="en-US"/>
              <a:t>Click icon to add picture</a:t>
            </a:r>
            <a:endParaRPr lang="ru-RU" dirty="0"/>
          </a:p>
        </p:txBody>
      </p:sp>
      <p:sp>
        <p:nvSpPr>
          <p:cNvPr id="2" name="Title">
            <a:extLst>
              <a:ext uri="{FF2B5EF4-FFF2-40B4-BE49-F238E27FC236}">
                <a16:creationId xmlns:a16="http://schemas.microsoft.com/office/drawing/2014/main" id="{2D7CA7EF-3ED7-4EB9-89CF-D28485767166}"/>
              </a:ext>
            </a:extLst>
          </p:cNvPr>
          <p:cNvSpPr>
            <a:spLocks noGrp="1"/>
          </p:cNvSpPr>
          <p:nvPr>
            <p:ph type="title" hasCustomPrompt="1"/>
          </p:nvPr>
        </p:nvSpPr>
        <p:spPr>
          <a:xfrm>
            <a:off x="787400" y="2098675"/>
            <a:ext cx="4805634" cy="1900758"/>
          </a:xfrm>
        </p:spPr>
        <p:txBody>
          <a:bodyPr>
            <a:noAutofit/>
          </a:bodyPr>
          <a:lstStyle>
            <a:lvl1pPr>
              <a:lnSpc>
                <a:spcPts val="6000"/>
              </a:lnSpc>
              <a:defRPr sz="6000">
                <a:solidFill>
                  <a:schemeClr val="bg1">
                    <a:lumMod val="95000"/>
                  </a:schemeClr>
                </a:solidFill>
              </a:defRPr>
            </a:lvl1pPr>
          </a:lstStyle>
          <a:p>
            <a:pPr lvl="0"/>
            <a:r>
              <a:rPr lang="en-US" dirty="0"/>
              <a:t>Click to add title</a:t>
            </a:r>
            <a:endParaRPr lang="ru-RU" dirty="0"/>
          </a:p>
        </p:txBody>
      </p:sp>
    </p:spTree>
    <p:custDataLst>
      <p:tags r:id="rId1"/>
    </p:custDataLst>
    <p:extLst>
      <p:ext uri="{BB962C8B-B14F-4D97-AF65-F5344CB8AC3E}">
        <p14:creationId xmlns:p14="http://schemas.microsoft.com/office/powerpoint/2010/main" val="1653444501"/>
      </p:ext>
    </p:extLst>
  </p:cSld>
  <p:clrMapOvr>
    <a:masterClrMapping/>
  </p:clrMapOvr>
  <p:hf hdr="0" dt="0"/>
  <p:extLst>
    <p:ext uri="{DCECCB84-F9BA-43D5-87BE-67443E8EF086}">
      <p15:sldGuideLst xmlns:p15="http://schemas.microsoft.com/office/powerpoint/2012/main"/>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urse Objectives">
    <p:spTree>
      <p:nvGrpSpPr>
        <p:cNvPr id="1" name=""/>
        <p:cNvGrpSpPr/>
        <p:nvPr/>
      </p:nvGrpSpPr>
      <p:grpSpPr>
        <a:xfrm>
          <a:off x="0" y="0"/>
          <a:ext cx="0" cy="0"/>
          <a:chOff x="0" y="0"/>
          <a:chExt cx="0" cy="0"/>
        </a:xfrm>
      </p:grpSpPr>
      <p:sp>
        <p:nvSpPr>
          <p:cNvPr id="9" name="Picture 1">
            <a:extLst>
              <a:ext uri="{FF2B5EF4-FFF2-40B4-BE49-F238E27FC236}">
                <a16:creationId xmlns:a16="http://schemas.microsoft.com/office/drawing/2014/main" id="{29E584D0-AA9A-4BC3-B146-3E56B995DDB9}"/>
              </a:ext>
            </a:extLst>
          </p:cNvPr>
          <p:cNvSpPr>
            <a:spLocks noGrp="1"/>
          </p:cNvSpPr>
          <p:nvPr>
            <p:ph type="pic" sz="quarter" idx="14" hasCustomPrompt="1"/>
          </p:nvPr>
        </p:nvSpPr>
        <p:spPr>
          <a:xfrm>
            <a:off x="6828732" y="906780"/>
            <a:ext cx="4581991" cy="5371783"/>
          </a:xfrm>
          <a:prstGeom prst="roundRect">
            <a:avLst>
              <a:gd name="adj" fmla="val 4896"/>
            </a:avLst>
          </a:prstGeom>
        </p:spPr>
        <p:txBody>
          <a:bodyPr>
            <a:noAutofit/>
          </a:bodyPr>
          <a:lstStyle/>
          <a:p>
            <a:r>
              <a:rPr lang="en-US"/>
              <a:t>Click icon to add picture</a:t>
            </a:r>
            <a:endParaRPr lang="ru-RU"/>
          </a:p>
        </p:txBody>
      </p:sp>
      <p:sp>
        <p:nvSpPr>
          <p:cNvPr id="4" name="Title">
            <a:extLst>
              <a:ext uri="{FF2B5EF4-FFF2-40B4-BE49-F238E27FC236}">
                <a16:creationId xmlns:a16="http://schemas.microsoft.com/office/drawing/2014/main" id="{43AB56C1-0678-4D4D-A0C1-BF6FB90608E8}"/>
              </a:ext>
            </a:extLst>
          </p:cNvPr>
          <p:cNvSpPr>
            <a:spLocks noGrp="1"/>
          </p:cNvSpPr>
          <p:nvPr>
            <p:ph type="title" hasCustomPrompt="1"/>
          </p:nvPr>
        </p:nvSpPr>
        <p:spPr>
          <a:xfrm>
            <a:off x="786660" y="774532"/>
            <a:ext cx="5715251" cy="863121"/>
          </a:xfrm>
        </p:spPr>
        <p:txBody>
          <a:bodyPr anchor="t">
            <a:noAutofit/>
          </a:bodyPr>
          <a:lstStyle>
            <a:lvl1pPr>
              <a:defRPr sz="4500" kern="1200" spc="0" baseline="0">
                <a:solidFill>
                  <a:schemeClr val="tx1"/>
                </a:solidFill>
                <a:latin typeface="+mj-lt"/>
              </a:defRPr>
            </a:lvl1pPr>
          </a:lstStyle>
          <a:p>
            <a:r>
              <a:rPr lang="en-US"/>
              <a:t>Click to add title</a:t>
            </a:r>
            <a:endParaRPr lang="ru-RU" dirty="0"/>
          </a:p>
        </p:txBody>
      </p:sp>
      <p:sp>
        <p:nvSpPr>
          <p:cNvPr id="7" name="Text 1">
            <a:extLst>
              <a:ext uri="{FF2B5EF4-FFF2-40B4-BE49-F238E27FC236}">
                <a16:creationId xmlns:a16="http://schemas.microsoft.com/office/drawing/2014/main" id="{DDCCB50F-AC76-4955-8632-FC1B25A37970}"/>
              </a:ext>
            </a:extLst>
          </p:cNvPr>
          <p:cNvSpPr>
            <a:spLocks noGrp="1"/>
          </p:cNvSpPr>
          <p:nvPr>
            <p:ph type="body" sz="quarter" idx="10" hasCustomPrompt="1"/>
          </p:nvPr>
        </p:nvSpPr>
        <p:spPr>
          <a:xfrm>
            <a:off x="1191766" y="2349981"/>
            <a:ext cx="4995970" cy="512152"/>
          </a:xfrm>
        </p:spPr>
        <p:txBody>
          <a:bodyPr>
            <a:noAutofit/>
          </a:bodyPr>
          <a:lstStyle>
            <a:lvl1pPr>
              <a:lnSpc>
                <a:spcPts val="2200"/>
              </a:lnSpc>
              <a:defRPr sz="1600">
                <a:solidFill>
                  <a:schemeClr val="tx1"/>
                </a:solidFill>
              </a:defRPr>
            </a:lvl1pPr>
          </a:lstStyle>
          <a:p>
            <a:pPr lvl="0"/>
            <a:r>
              <a:rPr lang="en-US">
                <a:effectLst/>
              </a:rPr>
              <a:t>Click to add text</a:t>
            </a:r>
            <a:endParaRPr lang="ru-RU" dirty="0"/>
          </a:p>
        </p:txBody>
      </p:sp>
      <p:sp>
        <p:nvSpPr>
          <p:cNvPr id="26" name="Text 2">
            <a:extLst>
              <a:ext uri="{FF2B5EF4-FFF2-40B4-BE49-F238E27FC236}">
                <a16:creationId xmlns:a16="http://schemas.microsoft.com/office/drawing/2014/main" id="{D5AD38D0-F85D-4647-A855-EE25947E9800}"/>
              </a:ext>
            </a:extLst>
          </p:cNvPr>
          <p:cNvSpPr>
            <a:spLocks noGrp="1"/>
          </p:cNvSpPr>
          <p:nvPr>
            <p:ph type="body" sz="quarter" idx="11" hasCustomPrompt="1"/>
          </p:nvPr>
        </p:nvSpPr>
        <p:spPr>
          <a:xfrm>
            <a:off x="1186996" y="3255826"/>
            <a:ext cx="4995970" cy="512152"/>
          </a:xfrm>
        </p:spPr>
        <p:txBody>
          <a:bodyPr>
            <a:noAutofit/>
          </a:bodyPr>
          <a:lstStyle>
            <a:lvl1pPr>
              <a:lnSpc>
                <a:spcPts val="2200"/>
              </a:lnSpc>
              <a:defRPr sz="1600">
                <a:solidFill>
                  <a:schemeClr val="tx1"/>
                </a:solidFill>
              </a:defRPr>
            </a:lvl1pPr>
          </a:lstStyle>
          <a:p>
            <a:pPr lvl="0"/>
            <a:r>
              <a:rPr lang="en-US">
                <a:effectLst/>
              </a:rPr>
              <a:t>Click to add text</a:t>
            </a:r>
            <a:endParaRPr lang="ru-RU" dirty="0"/>
          </a:p>
        </p:txBody>
      </p:sp>
      <p:sp>
        <p:nvSpPr>
          <p:cNvPr id="27" name="Text 3">
            <a:extLst>
              <a:ext uri="{FF2B5EF4-FFF2-40B4-BE49-F238E27FC236}">
                <a16:creationId xmlns:a16="http://schemas.microsoft.com/office/drawing/2014/main" id="{DE100315-2E80-4451-8571-9945DE3455E0}"/>
              </a:ext>
            </a:extLst>
          </p:cNvPr>
          <p:cNvSpPr>
            <a:spLocks noGrp="1"/>
          </p:cNvSpPr>
          <p:nvPr>
            <p:ph type="body" sz="quarter" idx="12" hasCustomPrompt="1"/>
          </p:nvPr>
        </p:nvSpPr>
        <p:spPr>
          <a:xfrm>
            <a:off x="1186993" y="4129854"/>
            <a:ext cx="4995970" cy="512152"/>
          </a:xfrm>
        </p:spPr>
        <p:txBody>
          <a:bodyPr>
            <a:noAutofit/>
          </a:bodyPr>
          <a:lstStyle>
            <a:lvl1pPr>
              <a:lnSpc>
                <a:spcPts val="2200"/>
              </a:lnSpc>
              <a:defRPr sz="1600">
                <a:solidFill>
                  <a:schemeClr val="tx1"/>
                </a:solidFill>
              </a:defRPr>
            </a:lvl1pPr>
          </a:lstStyle>
          <a:p>
            <a:pPr lvl="0"/>
            <a:r>
              <a:rPr lang="en-US">
                <a:effectLst/>
              </a:rPr>
              <a:t>Click to add text</a:t>
            </a:r>
            <a:endParaRPr lang="ru-RU" dirty="0"/>
          </a:p>
        </p:txBody>
      </p:sp>
      <p:sp>
        <p:nvSpPr>
          <p:cNvPr id="28" name="Text 4">
            <a:extLst>
              <a:ext uri="{FF2B5EF4-FFF2-40B4-BE49-F238E27FC236}">
                <a16:creationId xmlns:a16="http://schemas.microsoft.com/office/drawing/2014/main" id="{9785EA5A-7D9F-4857-88DD-5ABBABBB19DA}"/>
              </a:ext>
            </a:extLst>
          </p:cNvPr>
          <p:cNvSpPr>
            <a:spLocks noGrp="1"/>
          </p:cNvSpPr>
          <p:nvPr>
            <p:ph type="body" sz="quarter" idx="13" hasCustomPrompt="1"/>
          </p:nvPr>
        </p:nvSpPr>
        <p:spPr>
          <a:xfrm>
            <a:off x="1186983" y="5031311"/>
            <a:ext cx="4995970" cy="512152"/>
          </a:xfrm>
        </p:spPr>
        <p:txBody>
          <a:bodyPr>
            <a:noAutofit/>
          </a:bodyPr>
          <a:lstStyle>
            <a:lvl1pPr>
              <a:lnSpc>
                <a:spcPts val="2200"/>
              </a:lnSpc>
              <a:defRPr sz="1600">
                <a:solidFill>
                  <a:schemeClr val="tx1"/>
                </a:solidFill>
              </a:defRPr>
            </a:lvl1pPr>
          </a:lstStyle>
          <a:p>
            <a:pPr lvl="0"/>
            <a:r>
              <a:rPr lang="en-US">
                <a:effectLst/>
              </a:rPr>
              <a:t>Click to add text</a:t>
            </a:r>
            <a:endParaRPr lang="ru-RU" dirty="0"/>
          </a:p>
        </p:txBody>
      </p:sp>
    </p:spTree>
    <p:custDataLst>
      <p:tags r:id="rId1"/>
    </p:custDataLst>
    <p:extLst>
      <p:ext uri="{BB962C8B-B14F-4D97-AF65-F5344CB8AC3E}">
        <p14:creationId xmlns:p14="http://schemas.microsoft.com/office/powerpoint/2010/main" val="4026634619"/>
      </p:ext>
    </p:extLst>
  </p:cSld>
  <p:clrMapOvr>
    <a:masterClrMapping/>
  </p:clrMapOvr>
  <p:hf hdr="0" dt="0"/>
  <p:extLst>
    <p:ext uri="{DCECCB84-F9BA-43D5-87BE-67443E8EF086}">
      <p15:sldGuideLst xmlns:p15="http://schemas.microsoft.com/office/powerpoint/2012/main"/>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nchor="ctr"/>
          <a:lstStyle>
            <a:lvl1pPr algn="ctr">
              <a:defRPr/>
            </a:lvl1pPr>
          </a:lstStyle>
          <a:p>
            <a:r>
              <a:rPr lang="en-US"/>
              <a:t>Click to edit Master title style</a:t>
            </a:r>
          </a:p>
        </p:txBody>
      </p:sp>
      <p:sp>
        <p:nvSpPr>
          <p:cNvPr id="3" name="Footer Placeholder 2">
            <a:extLst>
              <a:ext uri="{FF2B5EF4-FFF2-40B4-BE49-F238E27FC236}">
                <a16:creationId xmlns:a16="http://schemas.microsoft.com/office/drawing/2014/main" id="{7AEA5061-E23A-BA41-9DA9-9DD4F42C8C7F}"/>
              </a:ext>
            </a:extLst>
          </p:cNvPr>
          <p:cNvSpPr>
            <a:spLocks noGrp="1"/>
          </p:cNvSpPr>
          <p:nvPr>
            <p:ph type="ftr" sz="quarter" idx="10"/>
          </p:nvPr>
        </p:nvSpPr>
        <p:spPr/>
        <p:txBody>
          <a:bodyPr/>
          <a:lstStyle/>
          <a:p>
            <a:endParaRPr lang="en-US"/>
          </a:p>
        </p:txBody>
      </p:sp>
      <p:sp>
        <p:nvSpPr>
          <p:cNvPr id="4" name="Slide Number Placeholder 3">
            <a:extLst>
              <a:ext uri="{FF2B5EF4-FFF2-40B4-BE49-F238E27FC236}">
                <a16:creationId xmlns:a16="http://schemas.microsoft.com/office/drawing/2014/main" id="{37BCA43D-F448-124E-AB59-459936F88A91}"/>
              </a:ext>
            </a:extLst>
          </p:cNvPr>
          <p:cNvSpPr>
            <a:spLocks noGrp="1"/>
          </p:cNvSpPr>
          <p:nvPr>
            <p:ph type="sldNum" sz="quarter" idx="11"/>
          </p:nvPr>
        </p:nvSpPr>
        <p:spPr/>
        <p:txBody>
          <a:bodyPr/>
          <a:lstStyle/>
          <a:p>
            <a:fld id="{F7CADEA9-0AFC-B549-B690-A46B9B6402E4}" type="slidenum">
              <a:rPr lang="en-US" smtClean="0"/>
              <a:pPr/>
              <a:t>‹#›</a:t>
            </a:fld>
            <a:endParaRPr lang="en-US"/>
          </a:p>
        </p:txBody>
      </p:sp>
    </p:spTree>
    <p:extLst>
      <p:ext uri="{BB962C8B-B14F-4D97-AF65-F5344CB8AC3E}">
        <p14:creationId xmlns:p14="http://schemas.microsoft.com/office/powerpoint/2010/main" val="376078305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cSld name="Three Columns 2">
    <p:spTree>
      <p:nvGrpSpPr>
        <p:cNvPr id="1" name=""/>
        <p:cNvGrpSpPr/>
        <p:nvPr/>
      </p:nvGrpSpPr>
      <p:grpSpPr>
        <a:xfrm>
          <a:off x="0" y="0"/>
          <a:ext cx="0" cy="0"/>
          <a:chOff x="0" y="0"/>
          <a:chExt cx="0" cy="0"/>
        </a:xfrm>
      </p:grpSpPr>
      <p:sp>
        <p:nvSpPr>
          <p:cNvPr id="6" name="Text 1"/>
          <p:cNvSpPr>
            <a:spLocks noGrp="1"/>
          </p:cNvSpPr>
          <p:nvPr>
            <p:ph type="body" idx="10" hasCustomPrompt="1"/>
          </p:nvPr>
        </p:nvSpPr>
        <p:spPr>
          <a:xfrm>
            <a:off x="1198548" y="2765263"/>
            <a:ext cx="2880000" cy="2822403"/>
          </a:xfrm>
        </p:spPr>
        <p:txBody>
          <a:bodyPr vert="horz" wrap="square" lIns="91440" tIns="45720" rIns="91440" bIns="45720" anchor="t" anchorCtr="0">
            <a:noAutofit/>
          </a:bodyPr>
          <a:lstStyle>
            <a:lvl1pPr marL="0" marR="0" indent="0" algn="l" rtl="0" eaLnBrk="1" fontAlgn="auto" hangingPunct="1">
              <a:lnSpc>
                <a:spcPct val="134000"/>
              </a:lnSpc>
              <a:spcBef>
                <a:spcPts val="0"/>
              </a:spcBef>
              <a:spcAft>
                <a:spcPts val="1200"/>
              </a:spcAft>
              <a:buFontTx/>
              <a:buNone/>
              <a:defRPr sz="1400" b="0" i="0" u="none" strike="noStrike" kern="1200" cap="none" spc="0" baseline="0">
                <a:solidFill>
                  <a:schemeClr val="tx1">
                    <a:lumMod val="65000"/>
                    <a:lumOff val="35000"/>
                  </a:schemeClr>
                </a:solidFill>
                <a:latin typeface="+mn-lt"/>
                <a:ea typeface="+mn-ea"/>
                <a:cs typeface="+mn-cs"/>
                <a:sym typeface="+mn-lt"/>
              </a:defRPr>
            </a:lvl1pPr>
          </a:lstStyle>
          <a:p>
            <a:pPr lvl="0"/>
            <a:r>
              <a:rPr lang="en-US"/>
              <a:t>Click to add text</a:t>
            </a:r>
            <a:endParaRPr lang="ru-RU" dirty="0"/>
          </a:p>
        </p:txBody>
      </p:sp>
      <p:sp>
        <p:nvSpPr>
          <p:cNvPr id="7" name="Text 2"/>
          <p:cNvSpPr>
            <a:spLocks noGrp="1"/>
          </p:cNvSpPr>
          <p:nvPr>
            <p:ph type="body" sz="quarter" idx="11" hasCustomPrompt="1"/>
          </p:nvPr>
        </p:nvSpPr>
        <p:spPr>
          <a:xfrm>
            <a:off x="1183396" y="2154108"/>
            <a:ext cx="3068987" cy="567053"/>
          </a:xfrm>
          <a:prstGeom prst="rect">
            <a:avLst/>
          </a:prstGeom>
        </p:spPr>
        <p:txBody>
          <a:bodyPr vert="horz" wrap="square" lIns="91440" tIns="45720" rIns="91440" bIns="45720" anchor="ctr" anchorCtr="0">
            <a:noAutofit/>
          </a:bodyPr>
          <a:lstStyle>
            <a:lvl1pPr marL="0" marR="0" indent="0" algn="l" rtl="0" eaLnBrk="1" fontAlgn="auto" hangingPunct="1">
              <a:lnSpc>
                <a:spcPct val="119000"/>
              </a:lnSpc>
              <a:spcBef>
                <a:spcPts val="0"/>
              </a:spcBef>
              <a:spcAft>
                <a:spcPts val="1200"/>
              </a:spcAft>
              <a:buFontTx/>
              <a:buNone/>
              <a:defRPr sz="1500" b="1" i="0" u="none" strike="noStrike" kern="1200" cap="none" spc="0" baseline="0">
                <a:solidFill>
                  <a:schemeClr val="tx1">
                    <a:lumMod val="100000"/>
                  </a:schemeClr>
                </a:solidFill>
                <a:latin typeface="+mn-lt"/>
                <a:ea typeface="+mn-ea"/>
                <a:cs typeface="+mn-cs"/>
                <a:sym typeface="+mn-lt"/>
              </a:defRPr>
            </a:lvl1pPr>
          </a:lstStyle>
          <a:p>
            <a:pPr lvl="0"/>
            <a:r>
              <a:rPr lang="en-US"/>
              <a:t>Click to add text</a:t>
            </a:r>
            <a:endParaRPr lang="ru-RU" dirty="0"/>
          </a:p>
        </p:txBody>
      </p:sp>
      <p:sp>
        <p:nvSpPr>
          <p:cNvPr id="8" name="Text 3"/>
          <p:cNvSpPr>
            <a:spLocks noGrp="1"/>
          </p:cNvSpPr>
          <p:nvPr>
            <p:ph type="body" sz="quarter" idx="12" hasCustomPrompt="1"/>
          </p:nvPr>
        </p:nvSpPr>
        <p:spPr>
          <a:xfrm>
            <a:off x="8025312" y="2751919"/>
            <a:ext cx="2880000" cy="2822403"/>
          </a:xfrm>
          <a:prstGeom prst="rect">
            <a:avLst/>
          </a:prstGeom>
        </p:spPr>
        <p:txBody>
          <a:bodyPr vert="horz" wrap="square" lIns="91440" tIns="45720" rIns="91440" bIns="45720" anchor="t" anchorCtr="0">
            <a:noAutofit/>
          </a:bodyPr>
          <a:lstStyle>
            <a:lvl1pPr marL="0" marR="0" indent="0" algn="l" rtl="0" eaLnBrk="1" fontAlgn="auto" hangingPunct="1">
              <a:lnSpc>
                <a:spcPct val="134000"/>
              </a:lnSpc>
              <a:spcBef>
                <a:spcPts val="0"/>
              </a:spcBef>
              <a:spcAft>
                <a:spcPts val="1200"/>
              </a:spcAft>
              <a:buFontTx/>
              <a:buNone/>
              <a:defRPr sz="1400" b="0" i="0" u="none" strike="noStrike" kern="1200" cap="none" spc="0" baseline="0">
                <a:solidFill>
                  <a:schemeClr val="tx1">
                    <a:lumMod val="65000"/>
                    <a:lumOff val="35000"/>
                  </a:schemeClr>
                </a:solidFill>
                <a:latin typeface="+mn-lt"/>
                <a:ea typeface="+mn-ea"/>
                <a:cs typeface="+mn-cs"/>
                <a:sym typeface="+mn-lt"/>
              </a:defRPr>
            </a:lvl1pPr>
          </a:lstStyle>
          <a:p>
            <a:pPr lvl="0"/>
            <a:r>
              <a:rPr lang="en-US"/>
              <a:t>Click to add text</a:t>
            </a:r>
            <a:endParaRPr lang="ru-RU" dirty="0"/>
          </a:p>
        </p:txBody>
      </p:sp>
      <p:sp>
        <p:nvSpPr>
          <p:cNvPr id="9" name="Text 4"/>
          <p:cNvSpPr>
            <a:spLocks noGrp="1"/>
          </p:cNvSpPr>
          <p:nvPr>
            <p:ph type="body" sz="quarter" idx="13" hasCustomPrompt="1"/>
          </p:nvPr>
        </p:nvSpPr>
        <p:spPr>
          <a:xfrm>
            <a:off x="8004636" y="2152672"/>
            <a:ext cx="3068987" cy="568489"/>
          </a:xfrm>
          <a:prstGeom prst="rect">
            <a:avLst/>
          </a:prstGeom>
        </p:spPr>
        <p:txBody>
          <a:bodyPr vert="horz" wrap="square" lIns="91440" tIns="45720" rIns="91440" bIns="45720" anchor="ctr" anchorCtr="0">
            <a:noAutofit/>
          </a:bodyPr>
          <a:lstStyle>
            <a:lvl1pPr marL="0" marR="0" indent="0" algn="l" rtl="0" eaLnBrk="1" fontAlgn="auto" hangingPunct="1">
              <a:lnSpc>
                <a:spcPct val="119000"/>
              </a:lnSpc>
              <a:spcBef>
                <a:spcPts val="0"/>
              </a:spcBef>
              <a:spcAft>
                <a:spcPts val="1200"/>
              </a:spcAft>
              <a:buFontTx/>
              <a:buNone/>
              <a:defRPr sz="1500" b="1" i="0" u="none" strike="noStrike" kern="1200" cap="none" spc="0" baseline="0">
                <a:solidFill>
                  <a:schemeClr val="tx1">
                    <a:lumMod val="100000"/>
                  </a:schemeClr>
                </a:solidFill>
                <a:latin typeface="+mn-lt"/>
                <a:ea typeface="+mn-ea"/>
                <a:cs typeface="+mn-cs"/>
                <a:sym typeface="+mn-lt"/>
              </a:defRPr>
            </a:lvl1pPr>
          </a:lstStyle>
          <a:p>
            <a:pPr lvl="0"/>
            <a:r>
              <a:rPr lang="en-US"/>
              <a:t>Click to add text</a:t>
            </a:r>
            <a:endParaRPr lang="ru-RU" dirty="0"/>
          </a:p>
        </p:txBody>
      </p:sp>
      <p:sp>
        <p:nvSpPr>
          <p:cNvPr id="10" name="Text 5"/>
          <p:cNvSpPr>
            <a:spLocks noGrp="1"/>
          </p:cNvSpPr>
          <p:nvPr>
            <p:ph type="body" sz="quarter" idx="14" hasCustomPrompt="1"/>
          </p:nvPr>
        </p:nvSpPr>
        <p:spPr>
          <a:xfrm>
            <a:off x="4602148" y="2751919"/>
            <a:ext cx="2880000" cy="2822403"/>
          </a:xfrm>
          <a:prstGeom prst="rect">
            <a:avLst/>
          </a:prstGeom>
        </p:spPr>
        <p:txBody>
          <a:bodyPr vert="horz" wrap="square" lIns="91440" tIns="45720" rIns="91440" bIns="45720" anchor="t" anchorCtr="0">
            <a:noAutofit/>
          </a:bodyPr>
          <a:lstStyle>
            <a:lvl1pPr marL="0" marR="0" indent="0" algn="l" rtl="0" eaLnBrk="1" fontAlgn="auto" hangingPunct="1">
              <a:lnSpc>
                <a:spcPct val="134000"/>
              </a:lnSpc>
              <a:spcBef>
                <a:spcPts val="0"/>
              </a:spcBef>
              <a:spcAft>
                <a:spcPts val="1200"/>
              </a:spcAft>
              <a:buFontTx/>
              <a:buNone/>
              <a:defRPr sz="1400" b="0" i="0" u="none" strike="noStrike" kern="1200" cap="none" spc="0" baseline="0">
                <a:solidFill>
                  <a:schemeClr val="tx1">
                    <a:lumMod val="65000"/>
                    <a:lumOff val="35000"/>
                  </a:schemeClr>
                </a:solidFill>
                <a:latin typeface="+mn-lt"/>
                <a:ea typeface="+mn-ea"/>
                <a:cs typeface="+mn-cs"/>
                <a:sym typeface="+mn-lt"/>
              </a:defRPr>
            </a:lvl1pPr>
          </a:lstStyle>
          <a:p>
            <a:pPr lvl="0"/>
            <a:r>
              <a:rPr lang="en-US"/>
              <a:t>Click to add text</a:t>
            </a:r>
            <a:endParaRPr lang="ru-RU" dirty="0"/>
          </a:p>
        </p:txBody>
      </p:sp>
      <p:sp>
        <p:nvSpPr>
          <p:cNvPr id="11" name="Text 6"/>
          <p:cNvSpPr>
            <a:spLocks noGrp="1"/>
          </p:cNvSpPr>
          <p:nvPr>
            <p:ph type="body" sz="quarter" idx="15" hasCustomPrompt="1"/>
          </p:nvPr>
        </p:nvSpPr>
        <p:spPr>
          <a:xfrm>
            <a:off x="4594804" y="2152672"/>
            <a:ext cx="3068987" cy="568489"/>
          </a:xfrm>
          <a:prstGeom prst="rect">
            <a:avLst/>
          </a:prstGeom>
        </p:spPr>
        <p:txBody>
          <a:bodyPr vert="horz" wrap="square" lIns="91440" tIns="45720" rIns="91440" bIns="45720" anchor="ctr" anchorCtr="0">
            <a:noAutofit/>
          </a:bodyPr>
          <a:lstStyle>
            <a:lvl1pPr marL="0" marR="0" indent="0" algn="l" rtl="0" eaLnBrk="1" fontAlgn="auto" hangingPunct="1">
              <a:lnSpc>
                <a:spcPct val="119000"/>
              </a:lnSpc>
              <a:spcBef>
                <a:spcPts val="0"/>
              </a:spcBef>
              <a:spcAft>
                <a:spcPts val="1200"/>
              </a:spcAft>
              <a:buFontTx/>
              <a:buNone/>
              <a:defRPr sz="1500" b="1" i="0" u="none" strike="noStrike" kern="1200" cap="none" spc="0" baseline="0">
                <a:solidFill>
                  <a:schemeClr val="tx1">
                    <a:lumMod val="100000"/>
                  </a:schemeClr>
                </a:solidFill>
                <a:latin typeface="+mn-lt"/>
                <a:ea typeface="+mn-ea"/>
                <a:cs typeface="+mn-cs"/>
                <a:sym typeface="+mn-lt"/>
              </a:defRPr>
            </a:lvl1pPr>
          </a:lstStyle>
          <a:p>
            <a:pPr lvl="0"/>
            <a:r>
              <a:rPr lang="en-US"/>
              <a:t>Click to add text</a:t>
            </a:r>
            <a:endParaRPr lang="ru-RU" dirty="0"/>
          </a:p>
        </p:txBody>
      </p:sp>
      <p:sp>
        <p:nvSpPr>
          <p:cNvPr id="12" name="Text 7"/>
          <p:cNvSpPr>
            <a:spLocks noGrp="1"/>
          </p:cNvSpPr>
          <p:nvPr>
            <p:ph type="body" sz="quarter" idx="16" hasCustomPrompt="1"/>
          </p:nvPr>
        </p:nvSpPr>
        <p:spPr>
          <a:xfrm>
            <a:off x="441748" y="85412"/>
            <a:ext cx="5619417" cy="261610"/>
          </a:xfrm>
          <a:prstGeom prst="rect">
            <a:avLst/>
          </a:prstGeom>
        </p:spPr>
        <p:txBody>
          <a:bodyPr vert="horz" wrap="none" lIns="91440" tIns="45720" rIns="91440" bIns="45720" anchor="t" anchorCtr="0">
            <a:noAutofit/>
          </a:bodyPr>
          <a:lstStyle>
            <a:lvl1pPr marL="0" marR="0" indent="0" algn="l" rtl="0" eaLnBrk="1" fontAlgn="auto" hangingPunct="1">
              <a:lnSpc>
                <a:spcPct val="100000"/>
              </a:lnSpc>
              <a:spcBef>
                <a:spcPts val="0"/>
              </a:spcBef>
              <a:spcAft>
                <a:spcPts val="0"/>
              </a:spcAft>
              <a:buFontTx/>
              <a:buNone/>
              <a:defRPr sz="1100" b="0" i="0" u="none" strike="noStrike" kern="1200" cap="none" spc="0" baseline="0">
                <a:solidFill>
                  <a:srgbClr val="6B6B6B">
                    <a:lumMod val="100000"/>
                  </a:srgbClr>
                </a:solidFill>
                <a:latin typeface="+mj-lt"/>
                <a:ea typeface="+mn-ea"/>
                <a:cs typeface="+mn-cs"/>
                <a:sym typeface="+mn-lt"/>
              </a:defRPr>
            </a:lvl1pPr>
          </a:lstStyle>
          <a:p>
            <a:pPr lvl="0"/>
            <a:r>
              <a:rPr lang="en-US"/>
              <a:t>Click to add text</a:t>
            </a:r>
            <a:endParaRPr lang="ru-RU" dirty="0"/>
          </a:p>
        </p:txBody>
      </p:sp>
      <p:sp>
        <p:nvSpPr>
          <p:cNvPr id="13" name="Title"/>
          <p:cNvSpPr>
            <a:spLocks noGrp="1"/>
          </p:cNvSpPr>
          <p:nvPr>
            <p:ph type="title" idx="17" hasCustomPrompt="1"/>
          </p:nvPr>
        </p:nvSpPr>
        <p:spPr>
          <a:xfrm>
            <a:off x="898274" y="863836"/>
            <a:ext cx="8562249" cy="515526"/>
          </a:xfrm>
        </p:spPr>
        <p:txBody>
          <a:bodyPr vert="horz" wrap="square" lIns="91440" tIns="45720" rIns="91440" bIns="45720" anchor="t" anchorCtr="0">
            <a:noAutofit/>
          </a:bodyPr>
          <a:lstStyle>
            <a:lvl1pPr marL="0" marR="0" indent="0" algn="l" rtl="0" eaLnBrk="1" fontAlgn="auto" hangingPunct="1">
              <a:lnSpc>
                <a:spcPct val="110000"/>
              </a:lnSpc>
              <a:spcBef>
                <a:spcPts val="0"/>
              </a:spcBef>
              <a:spcAft>
                <a:spcPts val="0"/>
              </a:spcAft>
              <a:buFontTx/>
              <a:buNone/>
              <a:defRPr sz="2500" b="1" i="0" u="none" strike="noStrike" kern="1200" cap="none" spc="0" baseline="0">
                <a:solidFill>
                  <a:schemeClr val="tx1">
                    <a:lumMod val="100000"/>
                  </a:schemeClr>
                </a:solidFill>
                <a:latin typeface="+mj-lt"/>
                <a:ea typeface="+mj-ea"/>
                <a:cs typeface="+mj-cs"/>
                <a:sym typeface="+mj-lt"/>
              </a:defRPr>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83881519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3BDF0C-4CA1-A14A-8F6C-C2809002A8F6}"/>
              </a:ext>
            </a:extLst>
          </p:cNvPr>
          <p:cNvSpPr>
            <a:spLocks noGrp="1"/>
          </p:cNvSpPr>
          <p:nvPr>
            <p:ph type="title" hasCustomPrompt="1"/>
          </p:nvPr>
        </p:nvSpPr>
        <p:spPr/>
        <p:txBody>
          <a:bodyPr/>
          <a:lstStyle>
            <a:lvl1pPr>
              <a:defRPr>
                <a:latin typeface="+mj-lt"/>
              </a:defRPr>
            </a:lvl1pPr>
          </a:lstStyle>
          <a:p>
            <a:r>
              <a:rPr lang="en-US"/>
              <a:t>Title Placeholder Text - Click to edit </a:t>
            </a:r>
          </a:p>
        </p:txBody>
      </p:sp>
      <p:sp>
        <p:nvSpPr>
          <p:cNvPr id="6" name="Content Placeholder 5">
            <a:extLst>
              <a:ext uri="{FF2B5EF4-FFF2-40B4-BE49-F238E27FC236}">
                <a16:creationId xmlns:a16="http://schemas.microsoft.com/office/drawing/2014/main" id="{7262CCBB-74F7-CA47-AC97-867D01F2856B}"/>
              </a:ext>
            </a:extLst>
          </p:cNvPr>
          <p:cNvSpPr>
            <a:spLocks noGrp="1"/>
          </p:cNvSpPr>
          <p:nvPr>
            <p:ph sz="quarter" idx="10"/>
          </p:nvPr>
        </p:nvSpPr>
        <p:spPr>
          <a:xfrm>
            <a:off x="609600" y="1549400"/>
            <a:ext cx="10972800" cy="4632960"/>
          </a:xfrm>
          <a:prstGeom prst="rect">
            <a:avLst/>
          </a:prstGeom>
        </p:spPr>
        <p:txBody>
          <a:bodyPr/>
          <a:lstStyle>
            <a:lvl1pPr marL="306910" indent="-306910">
              <a:lnSpc>
                <a:spcPct val="100000"/>
              </a:lnSpc>
              <a:buFont typeface="Arial" panose="020B0604020202020204" pitchFamily="34" charset="0"/>
              <a:buChar char="•"/>
              <a:tabLst/>
              <a:defRPr>
                <a:latin typeface="+mn-lt"/>
              </a:defRPr>
            </a:lvl1pPr>
            <a:lvl2pPr marL="761981" indent="-298443">
              <a:lnSpc>
                <a:spcPct val="100000"/>
              </a:lnSpc>
              <a:tabLst/>
              <a:defRPr>
                <a:latin typeface="+mn-lt"/>
              </a:defRPr>
            </a:lvl2pPr>
            <a:lvl3pPr marL="1142971" indent="-228594">
              <a:lnSpc>
                <a:spcPct val="100000"/>
              </a:lnSpc>
              <a:buSzPct val="75000"/>
              <a:buFont typeface="Wingdings" pitchFamily="2" charset="2"/>
              <a:buChar char="§"/>
              <a:defRPr>
                <a:latin typeface="+mn-lt"/>
              </a:defRPr>
            </a:lvl3pPr>
            <a:lvl4pPr marL="1600160" indent="-228594">
              <a:lnSpc>
                <a:spcPct val="100000"/>
              </a:lnSpc>
              <a:buFont typeface="Wingdings" pitchFamily="2" charset="2"/>
              <a:buChar char="§"/>
              <a:defRPr lang="en-US" sz="1333" b="0" i="0" kern="1200" dirty="0">
                <a:solidFill>
                  <a:srgbClr val="5A6670"/>
                </a:solidFill>
                <a:latin typeface="+mn-lt"/>
                <a:ea typeface="+mn-ea"/>
                <a:cs typeface="+mn-cs"/>
              </a:defRPr>
            </a:lvl4pPr>
            <a:lvl5pPr marL="1904952" indent="-228594">
              <a:buSzPct val="75000"/>
              <a:buFont typeface="Wingdings" pitchFamily="2" charset="2"/>
              <a:buChar char="§"/>
              <a:tabLst/>
              <a:defRPr sz="1333">
                <a:latin typeface="+mn-lt"/>
              </a:defRPr>
            </a:lvl5pPr>
          </a:lstStyle>
          <a:p>
            <a:pPr lvl="0"/>
            <a:r>
              <a:rPr lang="en-US"/>
              <a:t>Click to edit Master text styles</a:t>
            </a:r>
          </a:p>
          <a:p>
            <a:pPr lvl="1"/>
            <a:r>
              <a:rPr lang="en-US"/>
              <a:t>Second level</a:t>
            </a:r>
          </a:p>
          <a:p>
            <a:pPr lvl="2"/>
            <a:r>
              <a:rPr lang="en-US"/>
              <a:t>Third level</a:t>
            </a:r>
          </a:p>
          <a:p>
            <a:pPr lvl="3"/>
            <a:r>
              <a:rPr lang="en-US"/>
              <a:t>Fourth level</a:t>
            </a:r>
          </a:p>
        </p:txBody>
      </p:sp>
      <p:sp>
        <p:nvSpPr>
          <p:cNvPr id="10" name="Footer Placeholder 9">
            <a:extLst>
              <a:ext uri="{FF2B5EF4-FFF2-40B4-BE49-F238E27FC236}">
                <a16:creationId xmlns:a16="http://schemas.microsoft.com/office/drawing/2014/main" id="{86CB737E-6EC7-0A47-82A4-12FB568A3688}"/>
              </a:ext>
            </a:extLst>
          </p:cNvPr>
          <p:cNvSpPr>
            <a:spLocks noGrp="1"/>
          </p:cNvSpPr>
          <p:nvPr>
            <p:ph type="ftr" sz="quarter" idx="1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11" name="Slide Number Placeholder 10">
            <a:extLst>
              <a:ext uri="{FF2B5EF4-FFF2-40B4-BE49-F238E27FC236}">
                <a16:creationId xmlns:a16="http://schemas.microsoft.com/office/drawing/2014/main" id="{1C6D6EC6-975C-D040-BECE-5A456EF9E2AE}"/>
              </a:ext>
            </a:extLst>
          </p:cNvPr>
          <p:cNvSpPr>
            <a:spLocks noGrp="1"/>
          </p:cNvSpPr>
          <p:nvPr>
            <p:ph type="sldNum" sz="quarter" idx="12"/>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268471133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Title and Content - 2 column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3BDF0C-4CA1-A14A-8F6C-C2809002A8F6}"/>
              </a:ext>
            </a:extLst>
          </p:cNvPr>
          <p:cNvSpPr>
            <a:spLocks noGrp="1"/>
          </p:cNvSpPr>
          <p:nvPr>
            <p:ph type="title" hasCustomPrompt="1"/>
          </p:nvPr>
        </p:nvSpPr>
        <p:spPr/>
        <p:txBody>
          <a:bodyPr/>
          <a:lstStyle>
            <a:lvl1pPr>
              <a:defRPr>
                <a:latin typeface="+mj-lt"/>
              </a:defRPr>
            </a:lvl1pPr>
          </a:lstStyle>
          <a:p>
            <a:r>
              <a:rPr lang="en-US"/>
              <a:t>Title Placeholder Text - Click to edit </a:t>
            </a:r>
          </a:p>
        </p:txBody>
      </p:sp>
      <p:sp>
        <p:nvSpPr>
          <p:cNvPr id="6" name="Content Placeholder 5">
            <a:extLst>
              <a:ext uri="{FF2B5EF4-FFF2-40B4-BE49-F238E27FC236}">
                <a16:creationId xmlns:a16="http://schemas.microsoft.com/office/drawing/2014/main" id="{7262CCBB-74F7-CA47-AC97-867D01F2856B}"/>
              </a:ext>
            </a:extLst>
          </p:cNvPr>
          <p:cNvSpPr>
            <a:spLocks noGrp="1"/>
          </p:cNvSpPr>
          <p:nvPr>
            <p:ph sz="quarter" idx="10" hasCustomPrompt="1"/>
          </p:nvPr>
        </p:nvSpPr>
        <p:spPr>
          <a:xfrm>
            <a:off x="609600" y="1549400"/>
            <a:ext cx="10972800" cy="4632960"/>
          </a:xfrm>
          <a:prstGeom prst="rect">
            <a:avLst/>
          </a:prstGeom>
        </p:spPr>
        <p:txBody>
          <a:bodyPr numCol="2" spcCol="365760"/>
          <a:lstStyle>
            <a:lvl1pPr marL="306910" indent="-306910">
              <a:lnSpc>
                <a:spcPct val="100000"/>
              </a:lnSpc>
              <a:tabLst/>
              <a:defRPr>
                <a:latin typeface="+mn-lt"/>
              </a:defRPr>
            </a:lvl1pPr>
            <a:lvl2pPr>
              <a:lnSpc>
                <a:spcPct val="100000"/>
              </a:lnSpc>
              <a:defRPr>
                <a:latin typeface="+mn-lt"/>
              </a:defRPr>
            </a:lvl2pPr>
            <a:lvl3pPr marL="1142971" indent="-228594">
              <a:lnSpc>
                <a:spcPct val="100000"/>
              </a:lnSpc>
              <a:buFont typeface="Wingdings" pitchFamily="2" charset="2"/>
              <a:buChar char="§"/>
              <a:defRPr lang="en-US" sz="1467" b="0" i="0" kern="1200" dirty="0">
                <a:solidFill>
                  <a:srgbClr val="5A6670"/>
                </a:solidFill>
                <a:latin typeface="+mn-lt"/>
                <a:ea typeface="+mn-ea"/>
                <a:cs typeface="+mn-cs"/>
              </a:defRPr>
            </a:lvl3pPr>
            <a:lvl4pPr marL="1600160" indent="-228594">
              <a:lnSpc>
                <a:spcPct val="100000"/>
              </a:lnSpc>
              <a:buFont typeface="Wingdings" pitchFamily="2" charset="2"/>
              <a:buChar char="§"/>
              <a:defRPr>
                <a:latin typeface="+mn-lt"/>
              </a:defRPr>
            </a:lvl4pPr>
            <a:lvl5pPr>
              <a:lnSpc>
                <a:spcPct val="100000"/>
              </a:lnSpc>
              <a:buFont typeface="Arial" panose="020B0604020202020204" pitchFamily="34" charset="0"/>
              <a:buNone/>
              <a:defRPr lang="en-US" sz="1333" b="0" i="0" kern="1200" dirty="0">
                <a:solidFill>
                  <a:srgbClr val="5A6670"/>
                </a:solidFill>
                <a:latin typeface="+mn-lt"/>
                <a:ea typeface="+mn-ea"/>
                <a:cs typeface="+mn-cs"/>
              </a:defRPr>
            </a:lvl5pPr>
          </a:lstStyle>
          <a:p>
            <a:pPr lvl="0"/>
            <a:r>
              <a:rPr lang="en-US"/>
              <a:t>Two column text: Click to edit Master text styles </a:t>
            </a:r>
          </a:p>
          <a:p>
            <a:pPr lvl="1"/>
            <a:r>
              <a:rPr lang="en-US"/>
              <a:t>Second level</a:t>
            </a:r>
          </a:p>
          <a:p>
            <a:pPr marL="1142971" lvl="2" indent="-228594" algn="l" defTabSz="914377" rtl="0" eaLnBrk="1" latinLnBrk="0" hangingPunct="1">
              <a:lnSpc>
                <a:spcPct val="90000"/>
              </a:lnSpc>
              <a:spcBef>
                <a:spcPts val="0"/>
              </a:spcBef>
              <a:spcAft>
                <a:spcPts val="800"/>
              </a:spcAft>
              <a:buClr>
                <a:srgbClr val="5A6670"/>
              </a:buClr>
              <a:buSzPct val="75000"/>
              <a:buFont typeface="Wingdings" pitchFamily="2" charset="2"/>
              <a:buChar char="§"/>
            </a:pPr>
            <a:r>
              <a:rPr lang="en-US"/>
              <a:t>Third level</a:t>
            </a:r>
          </a:p>
          <a:p>
            <a:pPr lvl="3"/>
            <a:r>
              <a:rPr lang="en-US"/>
              <a:t>Fourth level</a:t>
            </a:r>
          </a:p>
          <a:p>
            <a:pPr lvl="0"/>
            <a:r>
              <a:rPr lang="en-US"/>
              <a:t>Click to edit Master text styles</a:t>
            </a:r>
          </a:p>
          <a:p>
            <a:pPr lvl="1"/>
            <a:r>
              <a:rPr lang="en-US"/>
              <a:t>Second level</a:t>
            </a:r>
          </a:p>
          <a:p>
            <a:pPr lvl="2"/>
            <a:r>
              <a:rPr lang="en-US"/>
              <a:t>Third level</a:t>
            </a:r>
          </a:p>
          <a:p>
            <a:pPr lvl="3"/>
            <a:r>
              <a:rPr lang="en-US"/>
              <a:t>Fourth level</a:t>
            </a:r>
          </a:p>
          <a:p>
            <a:pPr lvl="0"/>
            <a:r>
              <a:rPr lang="en-US"/>
              <a:t>Click to edit Master text styles</a:t>
            </a:r>
          </a:p>
          <a:p>
            <a:pPr lvl="1"/>
            <a:r>
              <a:rPr lang="en-US"/>
              <a:t>Second level</a:t>
            </a:r>
          </a:p>
          <a:p>
            <a:pPr lvl="2"/>
            <a:r>
              <a:rPr lang="en-US"/>
              <a:t>Third level</a:t>
            </a:r>
          </a:p>
          <a:p>
            <a:pPr lvl="3"/>
            <a:r>
              <a:rPr lang="en-US"/>
              <a:t>Fourth level</a:t>
            </a:r>
          </a:p>
          <a:p>
            <a:pPr lvl="0"/>
            <a:r>
              <a:rPr lang="en-US"/>
              <a:t>Click to edit Master text styles</a:t>
            </a:r>
          </a:p>
          <a:p>
            <a:pPr lvl="1"/>
            <a:r>
              <a:rPr lang="en-US"/>
              <a:t>Second level</a:t>
            </a:r>
          </a:p>
          <a:p>
            <a:pPr lvl="2"/>
            <a:r>
              <a:rPr lang="en-US"/>
              <a:t>Third level</a:t>
            </a:r>
          </a:p>
          <a:p>
            <a:pPr lvl="3"/>
            <a:r>
              <a:rPr lang="en-US"/>
              <a:t>Fourth level</a:t>
            </a:r>
          </a:p>
          <a:p>
            <a:pPr lvl="4"/>
            <a:endParaRPr lang="en-US"/>
          </a:p>
        </p:txBody>
      </p:sp>
      <p:sp>
        <p:nvSpPr>
          <p:cNvPr id="3" name="Footer Placeholder 2">
            <a:extLst>
              <a:ext uri="{FF2B5EF4-FFF2-40B4-BE49-F238E27FC236}">
                <a16:creationId xmlns:a16="http://schemas.microsoft.com/office/drawing/2014/main" id="{0F212A65-573A-AB43-8843-49BC8AAD8D4C}"/>
              </a:ext>
            </a:extLst>
          </p:cNvPr>
          <p:cNvSpPr>
            <a:spLocks noGrp="1"/>
          </p:cNvSpPr>
          <p:nvPr>
            <p:ph type="ftr" sz="quarter" idx="1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4" name="Slide Number Placeholder 3">
            <a:extLst>
              <a:ext uri="{FF2B5EF4-FFF2-40B4-BE49-F238E27FC236}">
                <a16:creationId xmlns:a16="http://schemas.microsoft.com/office/drawing/2014/main" id="{C859F12E-2A8C-364C-89C7-B1D4938E84D2}"/>
              </a:ext>
            </a:extLst>
          </p:cNvPr>
          <p:cNvSpPr>
            <a:spLocks noGrp="1"/>
          </p:cNvSpPr>
          <p:nvPr>
            <p:ph type="sldNum" sz="quarter" idx="12"/>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1134679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5.xml"/><Relationship Id="rId13" Type="http://schemas.openxmlformats.org/officeDocument/2006/relationships/slideLayout" Target="../slideLayouts/slideLayout20.xml"/><Relationship Id="rId18" Type="http://schemas.openxmlformats.org/officeDocument/2006/relationships/slideLayout" Target="../slideLayouts/slideLayout25.xml"/><Relationship Id="rId3" Type="http://schemas.openxmlformats.org/officeDocument/2006/relationships/slideLayout" Target="../slideLayouts/slideLayout10.xml"/><Relationship Id="rId21" Type="http://schemas.openxmlformats.org/officeDocument/2006/relationships/slideLayout" Target="../slideLayouts/slideLayout28.xml"/><Relationship Id="rId7" Type="http://schemas.openxmlformats.org/officeDocument/2006/relationships/slideLayout" Target="../slideLayouts/slideLayout14.xml"/><Relationship Id="rId12" Type="http://schemas.openxmlformats.org/officeDocument/2006/relationships/slideLayout" Target="../slideLayouts/slideLayout19.xml"/><Relationship Id="rId17" Type="http://schemas.openxmlformats.org/officeDocument/2006/relationships/slideLayout" Target="../slideLayouts/slideLayout24.xml"/><Relationship Id="rId2" Type="http://schemas.openxmlformats.org/officeDocument/2006/relationships/slideLayout" Target="../slideLayouts/slideLayout9.xml"/><Relationship Id="rId16" Type="http://schemas.openxmlformats.org/officeDocument/2006/relationships/slideLayout" Target="../slideLayouts/slideLayout23.xml"/><Relationship Id="rId20" Type="http://schemas.openxmlformats.org/officeDocument/2006/relationships/slideLayout" Target="../slideLayouts/slideLayout27.xml"/><Relationship Id="rId1" Type="http://schemas.openxmlformats.org/officeDocument/2006/relationships/slideLayout" Target="../slideLayouts/slideLayout8.xml"/><Relationship Id="rId6" Type="http://schemas.openxmlformats.org/officeDocument/2006/relationships/slideLayout" Target="../slideLayouts/slideLayout13.xml"/><Relationship Id="rId11" Type="http://schemas.openxmlformats.org/officeDocument/2006/relationships/slideLayout" Target="../slideLayouts/slideLayout18.xml"/><Relationship Id="rId24" Type="http://schemas.openxmlformats.org/officeDocument/2006/relationships/theme" Target="../theme/theme2.xml"/><Relationship Id="rId5" Type="http://schemas.openxmlformats.org/officeDocument/2006/relationships/slideLayout" Target="../slideLayouts/slideLayout12.xml"/><Relationship Id="rId15" Type="http://schemas.openxmlformats.org/officeDocument/2006/relationships/slideLayout" Target="../slideLayouts/slideLayout22.xml"/><Relationship Id="rId23" Type="http://schemas.openxmlformats.org/officeDocument/2006/relationships/slideLayout" Target="../slideLayouts/slideLayout30.xml"/><Relationship Id="rId10" Type="http://schemas.openxmlformats.org/officeDocument/2006/relationships/slideLayout" Target="../slideLayouts/slideLayout17.xml"/><Relationship Id="rId19" Type="http://schemas.openxmlformats.org/officeDocument/2006/relationships/slideLayout" Target="../slideLayouts/slideLayout26.xml"/><Relationship Id="rId4" Type="http://schemas.openxmlformats.org/officeDocument/2006/relationships/slideLayout" Target="../slideLayouts/slideLayout11.xml"/><Relationship Id="rId9" Type="http://schemas.openxmlformats.org/officeDocument/2006/relationships/slideLayout" Target="../slideLayouts/slideLayout16.xml"/><Relationship Id="rId14" Type="http://schemas.openxmlformats.org/officeDocument/2006/relationships/slideLayout" Target="../slideLayouts/slideLayout21.xml"/><Relationship Id="rId22" Type="http://schemas.openxmlformats.org/officeDocument/2006/relationships/slideLayout" Target="../slideLayouts/slideLayout29.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gradFill>
          <a:gsLst>
            <a:gs pos="35000">
              <a:srgbClr val="060E21"/>
            </a:gs>
            <a:gs pos="100000">
              <a:schemeClr val="tx2"/>
            </a:gs>
          </a:gsLst>
          <a:lin ang="4800000" scaled="0"/>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09600" y="177903"/>
            <a:ext cx="10972800" cy="1011936"/>
          </a:xfrm>
          <a:prstGeom prst="rect">
            <a:avLst/>
          </a:prstGeom>
        </p:spPr>
        <p:txBody>
          <a:bodyPr vert="horz" lIns="91440" tIns="45720" rIns="91440" bIns="45720" rtlCol="0" anchor="b">
            <a:noAutofit/>
          </a:bodyPr>
          <a:lstStyle/>
          <a:p>
            <a:r>
              <a:rPr lang="en-US"/>
              <a:t>Title Placeholder Text - Click to edit </a:t>
            </a:r>
          </a:p>
        </p:txBody>
      </p:sp>
      <p:sp>
        <p:nvSpPr>
          <p:cNvPr id="3" name="Text Placeholder 2"/>
          <p:cNvSpPr>
            <a:spLocks noGrp="1"/>
          </p:cNvSpPr>
          <p:nvPr>
            <p:ph type="body" idx="1"/>
          </p:nvPr>
        </p:nvSpPr>
        <p:spPr>
          <a:xfrm>
            <a:off x="609600" y="1549399"/>
            <a:ext cx="10972800" cy="4632960"/>
          </a:xfrm>
          <a:prstGeom prst="rect">
            <a:avLst/>
          </a:prstGeom>
        </p:spPr>
        <p:txBody>
          <a:bodyPr vert="horz" lIns="91440" tIns="45720" rIns="91440" bIns="45720" rtlCol="0">
            <a:noAutofit/>
          </a:bodyPr>
          <a:lstStyle/>
          <a:p>
            <a:pPr lvl="0"/>
            <a:r>
              <a:rPr lang="en-US"/>
              <a:t>Edit Master text styles</a:t>
            </a:r>
          </a:p>
          <a:p>
            <a:pPr lvl="1"/>
            <a:r>
              <a:rPr lang="en-US"/>
              <a:t>Second level</a:t>
            </a:r>
          </a:p>
          <a:p>
            <a:pPr marL="1142971" lvl="2" indent="-228594" algn="l" defTabSz="914377" rtl="0" eaLnBrk="1" latinLnBrk="0" hangingPunct="1">
              <a:lnSpc>
                <a:spcPct val="90000"/>
              </a:lnSpc>
              <a:spcBef>
                <a:spcPts val="0"/>
              </a:spcBef>
              <a:spcAft>
                <a:spcPts val="800"/>
              </a:spcAft>
              <a:buClr>
                <a:srgbClr val="5A6670"/>
              </a:buClr>
              <a:buSzPct val="75000"/>
              <a:buFont typeface="Wingdings" pitchFamily="2" charset="2"/>
              <a:buChar char="§"/>
            </a:pPr>
            <a:r>
              <a:rPr lang="en-US"/>
              <a:t>Third level</a:t>
            </a:r>
          </a:p>
          <a:p>
            <a:pPr lvl="3"/>
            <a:r>
              <a:rPr lang="en-US"/>
              <a:t>Fourth level</a:t>
            </a:r>
          </a:p>
        </p:txBody>
      </p:sp>
      <p:sp>
        <p:nvSpPr>
          <p:cNvPr id="12" name="Slide Number Placeholder 11">
            <a:extLst>
              <a:ext uri="{FF2B5EF4-FFF2-40B4-BE49-F238E27FC236}">
                <a16:creationId xmlns:a16="http://schemas.microsoft.com/office/drawing/2014/main" id="{7B7A13B7-76F4-7F49-AC67-85A02B0A35B5}"/>
              </a:ext>
            </a:extLst>
          </p:cNvPr>
          <p:cNvSpPr>
            <a:spLocks noGrp="1"/>
          </p:cNvSpPr>
          <p:nvPr>
            <p:ph type="sldNum" sz="quarter" idx="4"/>
          </p:nvPr>
        </p:nvSpPr>
        <p:spPr>
          <a:xfrm>
            <a:off x="609600" y="6356351"/>
            <a:ext cx="558800" cy="366183"/>
          </a:xfrm>
          <a:prstGeom prst="rect">
            <a:avLst/>
          </a:prstGeom>
        </p:spPr>
        <p:txBody>
          <a:bodyPr vert="horz" lIns="91440" tIns="45720" rIns="91440" bIns="45720" rtlCol="0" anchor="ctr"/>
          <a:lstStyle>
            <a:lvl1pPr marR="0" algn="l" rtl="0">
              <a:lnSpc>
                <a:spcPct val="100000"/>
              </a:lnSpc>
              <a:spcBef>
                <a:spcPts val="0"/>
              </a:spcBef>
              <a:spcAft>
                <a:spcPts val="0"/>
              </a:spcAft>
              <a:buClr>
                <a:srgbClr val="000000"/>
              </a:buClr>
              <a:buFont typeface="Arial"/>
              <a:defRPr lang="en-US" sz="933" b="0" i="0" u="none" strike="noStrike" cap="none" smtClean="0">
                <a:solidFill>
                  <a:schemeClr val="tx1"/>
                </a:solidFill>
                <a:latin typeface="+mj-lt"/>
                <a:ea typeface="Arial"/>
                <a:cs typeface="Arial"/>
                <a:sym typeface="Arial"/>
              </a:defRPr>
            </a:lvl1pPr>
          </a:lstStyle>
          <a:p>
            <a:fld id="{F7CADEA9-0AFC-B549-B690-A46B9B6402E4}" type="slidenum">
              <a:rPr lang="en-US" smtClean="0"/>
              <a:pPr/>
              <a:t>‹#›</a:t>
            </a:fld>
            <a:endParaRPr lang="en-US"/>
          </a:p>
        </p:txBody>
      </p:sp>
      <p:cxnSp>
        <p:nvCxnSpPr>
          <p:cNvPr id="8" name="Straight Connector 7">
            <a:extLst>
              <a:ext uri="{FF2B5EF4-FFF2-40B4-BE49-F238E27FC236}">
                <a16:creationId xmlns:a16="http://schemas.microsoft.com/office/drawing/2014/main" id="{A592341E-80F1-60DD-87CF-9BBE62BAAC15}"/>
              </a:ext>
            </a:extLst>
          </p:cNvPr>
          <p:cNvCxnSpPr>
            <a:cxnSpLocks/>
          </p:cNvCxnSpPr>
          <p:nvPr userDrawn="1"/>
        </p:nvCxnSpPr>
        <p:spPr>
          <a:xfrm>
            <a:off x="9696114" y="6460193"/>
            <a:ext cx="0" cy="182880"/>
          </a:xfrm>
          <a:prstGeom prst="line">
            <a:avLst/>
          </a:prstGeom>
          <a:ln w="12700" cap="sq"/>
        </p:spPr>
        <p:style>
          <a:lnRef idx="1">
            <a:schemeClr val="accent1"/>
          </a:lnRef>
          <a:fillRef idx="0">
            <a:schemeClr val="accent1"/>
          </a:fillRef>
          <a:effectRef idx="0">
            <a:schemeClr val="accent1"/>
          </a:effectRef>
          <a:fontRef idx="minor">
            <a:schemeClr val="tx1"/>
          </a:fontRef>
        </p:style>
      </p:cxnSp>
      <p:sp>
        <p:nvSpPr>
          <p:cNvPr id="4" name="TextBox 3">
            <a:extLst>
              <a:ext uri="{FF2B5EF4-FFF2-40B4-BE49-F238E27FC236}">
                <a16:creationId xmlns:a16="http://schemas.microsoft.com/office/drawing/2014/main" id="{B2B9B2E0-D70A-4E79-80BC-3F517CE8E38A}"/>
              </a:ext>
            </a:extLst>
          </p:cNvPr>
          <p:cNvSpPr txBox="1"/>
          <p:nvPr userDrawn="1"/>
        </p:nvSpPr>
        <p:spPr>
          <a:xfrm>
            <a:off x="9724119" y="6396340"/>
            <a:ext cx="2037895" cy="307777"/>
          </a:xfrm>
          <a:prstGeom prst="rect">
            <a:avLst/>
          </a:prstGeom>
          <a:noFill/>
        </p:spPr>
        <p:txBody>
          <a:bodyPr wrap="square" rtlCol="0" anchor="ctr">
            <a:spAutoFit/>
          </a:bodyPr>
          <a:lstStyle/>
          <a:p>
            <a:pPr algn="l"/>
            <a:r>
              <a:rPr lang="en-US" sz="1400" dirty="0">
                <a:solidFill>
                  <a:schemeClr val="bg2"/>
                </a:solidFill>
                <a:latin typeface="+mj-lt"/>
              </a:rPr>
              <a:t>Autobooks </a:t>
            </a:r>
            <a:r>
              <a:rPr lang="en-US" sz="1400" dirty="0">
                <a:solidFill>
                  <a:schemeClr val="bg2"/>
                </a:solidFill>
                <a:latin typeface="+mn-lt"/>
              </a:rPr>
              <a:t>Training</a:t>
            </a:r>
          </a:p>
        </p:txBody>
      </p:sp>
    </p:spTree>
    <p:extLst>
      <p:ext uri="{BB962C8B-B14F-4D97-AF65-F5344CB8AC3E}">
        <p14:creationId xmlns:p14="http://schemas.microsoft.com/office/powerpoint/2010/main" val="2709621288"/>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7" r:id="rId6"/>
    <p:sldLayoutId id="2147483668" r:id="rId7"/>
  </p:sldLayoutIdLst>
  <p:hf hdr="0" dt="0"/>
  <p:txStyles>
    <p:titleStyle>
      <a:lvl1pPr algn="l" defTabSz="914377" rtl="0" eaLnBrk="1" latinLnBrk="0" hangingPunct="1">
        <a:lnSpc>
          <a:spcPct val="90000"/>
        </a:lnSpc>
        <a:spcBef>
          <a:spcPct val="0"/>
        </a:spcBef>
        <a:buNone/>
        <a:defRPr sz="3200" b="1" i="0" kern="1200">
          <a:solidFill>
            <a:schemeClr val="bg1"/>
          </a:solidFill>
          <a:latin typeface="+mj-lt"/>
          <a:ea typeface="+mj-ea"/>
          <a:cs typeface="+mj-cs"/>
        </a:defRPr>
      </a:lvl1pPr>
    </p:titleStyle>
    <p:bodyStyle>
      <a:lvl1pPr marL="306910" indent="-306910" algn="l" defTabSz="914377" rtl="0" eaLnBrk="1" latinLnBrk="0" hangingPunct="1">
        <a:lnSpc>
          <a:spcPct val="100000"/>
        </a:lnSpc>
        <a:spcBef>
          <a:spcPts val="800"/>
        </a:spcBef>
        <a:spcAft>
          <a:spcPts val="800"/>
        </a:spcAft>
        <a:buClr>
          <a:srgbClr val="5A6670"/>
        </a:buClr>
        <a:buSzPct val="90000"/>
        <a:buFont typeface="Arial" panose="020B0604020202020204" pitchFamily="34" charset="0"/>
        <a:buChar char="•"/>
        <a:tabLst/>
        <a:defRPr sz="1867" b="0" i="0" kern="1200">
          <a:solidFill>
            <a:schemeClr val="bg1"/>
          </a:solidFill>
          <a:latin typeface="+mn-lt"/>
          <a:ea typeface="+mn-ea"/>
          <a:cs typeface="+mn-cs"/>
        </a:defRPr>
      </a:lvl1pPr>
      <a:lvl2pPr marL="685783" indent="-228594" algn="l" defTabSz="914377" rtl="0" eaLnBrk="1" latinLnBrk="0" hangingPunct="1">
        <a:lnSpc>
          <a:spcPct val="100000"/>
        </a:lnSpc>
        <a:spcBef>
          <a:spcPts val="0"/>
        </a:spcBef>
        <a:spcAft>
          <a:spcPts val="800"/>
        </a:spcAft>
        <a:buClr>
          <a:srgbClr val="5A6670"/>
        </a:buClr>
        <a:buSzPct val="75000"/>
        <a:buFont typeface="Courier New" panose="02070309020205020404" pitchFamily="49" charset="0"/>
        <a:buChar char="o"/>
        <a:defRPr sz="1600" b="0" i="0" kern="1200">
          <a:solidFill>
            <a:schemeClr val="bg1"/>
          </a:solidFill>
          <a:latin typeface="+mn-lt"/>
          <a:ea typeface="+mn-ea"/>
          <a:cs typeface="+mn-cs"/>
        </a:defRPr>
      </a:lvl2pPr>
      <a:lvl3pPr marL="1142971" indent="-228594" algn="l" defTabSz="914377" rtl="0" eaLnBrk="1" latinLnBrk="0" hangingPunct="1">
        <a:lnSpc>
          <a:spcPct val="100000"/>
        </a:lnSpc>
        <a:spcBef>
          <a:spcPts val="0"/>
        </a:spcBef>
        <a:spcAft>
          <a:spcPts val="800"/>
        </a:spcAft>
        <a:buClr>
          <a:srgbClr val="5A6670"/>
        </a:buClr>
        <a:buSzPct val="100000"/>
        <a:buFont typeface="Wingdings" pitchFamily="2" charset="2"/>
        <a:buChar char="§"/>
        <a:defRPr lang="en-US" sz="1467" b="0" i="0" kern="1200" dirty="0">
          <a:solidFill>
            <a:schemeClr val="bg1"/>
          </a:solidFill>
          <a:latin typeface="+mn-lt"/>
          <a:ea typeface="+mn-ea"/>
          <a:cs typeface="+mn-cs"/>
        </a:defRPr>
      </a:lvl3pPr>
      <a:lvl4pPr marL="1600160" indent="-228594" algn="l" defTabSz="914377" rtl="0" eaLnBrk="1" latinLnBrk="0" hangingPunct="1">
        <a:lnSpc>
          <a:spcPct val="100000"/>
        </a:lnSpc>
        <a:spcBef>
          <a:spcPts val="0"/>
        </a:spcBef>
        <a:spcAft>
          <a:spcPts val="800"/>
        </a:spcAft>
        <a:buClr>
          <a:srgbClr val="5A6670"/>
        </a:buClr>
        <a:buSzPct val="60000"/>
        <a:buFont typeface="Wingdings" pitchFamily="2" charset="2"/>
        <a:buChar char="§"/>
        <a:defRPr sz="1333" b="0" i="0" kern="1200">
          <a:solidFill>
            <a:schemeClr val="bg1"/>
          </a:solidFill>
          <a:latin typeface="+mn-lt"/>
          <a:ea typeface="+mn-ea"/>
          <a:cs typeface="+mn-cs"/>
        </a:defRPr>
      </a:lvl4pPr>
      <a:lvl5pPr marL="1828754" indent="0" algn="l" defTabSz="914377" rtl="0" eaLnBrk="1" latinLnBrk="0" hangingPunct="1">
        <a:lnSpc>
          <a:spcPct val="90000"/>
        </a:lnSpc>
        <a:spcBef>
          <a:spcPts val="0"/>
        </a:spcBef>
        <a:spcAft>
          <a:spcPts val="1200"/>
        </a:spcAft>
        <a:buFont typeface="Arial" panose="020B0604020202020204" pitchFamily="34" charset="0"/>
        <a:buNone/>
        <a:defRPr sz="1600" b="0" i="0" kern="1200">
          <a:solidFill>
            <a:srgbClr val="5A6670"/>
          </a:solidFill>
          <a:latin typeface="+mn-lt"/>
          <a:ea typeface="+mn-ea"/>
          <a:cs typeface="+mn-cs"/>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1464">
          <p15:clr>
            <a:srgbClr val="F26B43"/>
          </p15:clr>
        </p15:guide>
        <p15:guide id="3" orient="horz" pos="1320">
          <p15:clr>
            <a:srgbClr val="F26B43"/>
          </p15:clr>
        </p15:guide>
        <p15:guide id="5" pos="384">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gradFill>
          <a:gsLst>
            <a:gs pos="35000">
              <a:srgbClr val="060E21"/>
            </a:gs>
            <a:gs pos="100000">
              <a:schemeClr val="tx2"/>
            </a:gs>
          </a:gsLst>
          <a:lin ang="4800000" scaled="0"/>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09600" y="177903"/>
            <a:ext cx="10972800" cy="1011936"/>
          </a:xfrm>
          <a:prstGeom prst="rect">
            <a:avLst/>
          </a:prstGeom>
        </p:spPr>
        <p:txBody>
          <a:bodyPr vert="horz" lIns="91440" tIns="45720" rIns="91440" bIns="45720" rtlCol="0" anchor="b">
            <a:noAutofit/>
          </a:bodyPr>
          <a:lstStyle/>
          <a:p>
            <a:r>
              <a:rPr lang="en-US"/>
              <a:t>Title Placeholder Text - Click to edit </a:t>
            </a:r>
          </a:p>
        </p:txBody>
      </p:sp>
      <p:sp>
        <p:nvSpPr>
          <p:cNvPr id="3" name="Text Placeholder 2"/>
          <p:cNvSpPr>
            <a:spLocks noGrp="1"/>
          </p:cNvSpPr>
          <p:nvPr>
            <p:ph type="body" idx="1"/>
          </p:nvPr>
        </p:nvSpPr>
        <p:spPr>
          <a:xfrm>
            <a:off x="609600" y="1549399"/>
            <a:ext cx="10972800" cy="4632960"/>
          </a:xfrm>
          <a:prstGeom prst="rect">
            <a:avLst/>
          </a:prstGeom>
        </p:spPr>
        <p:txBody>
          <a:bodyPr vert="horz" lIns="91440" tIns="45720" rIns="91440" bIns="45720" rtlCol="0">
            <a:noAutofit/>
          </a:bodyPr>
          <a:lstStyle/>
          <a:p>
            <a:pPr lvl="0"/>
            <a:r>
              <a:rPr lang="en-US"/>
              <a:t>Edit Master text styles</a:t>
            </a:r>
          </a:p>
          <a:p>
            <a:pPr lvl="1"/>
            <a:r>
              <a:rPr lang="en-US"/>
              <a:t>Second level</a:t>
            </a:r>
          </a:p>
          <a:p>
            <a:pPr marL="1142971" lvl="2" indent="-228594" algn="l" defTabSz="914377" rtl="0" eaLnBrk="1" latinLnBrk="0" hangingPunct="1">
              <a:lnSpc>
                <a:spcPct val="90000"/>
              </a:lnSpc>
              <a:spcBef>
                <a:spcPts val="0"/>
              </a:spcBef>
              <a:spcAft>
                <a:spcPts val="800"/>
              </a:spcAft>
              <a:buClr>
                <a:srgbClr val="5A6670"/>
              </a:buClr>
              <a:buSzPct val="75000"/>
              <a:buFont typeface="Wingdings" pitchFamily="2" charset="2"/>
              <a:buChar char="§"/>
            </a:pPr>
            <a:r>
              <a:rPr lang="en-US"/>
              <a:t>Third level</a:t>
            </a:r>
          </a:p>
          <a:p>
            <a:pPr lvl="3"/>
            <a:r>
              <a:rPr lang="en-US"/>
              <a:t>Fourth level</a:t>
            </a:r>
          </a:p>
        </p:txBody>
      </p:sp>
      <p:sp>
        <p:nvSpPr>
          <p:cNvPr id="11" name="Footer Placeholder 10">
            <a:extLst>
              <a:ext uri="{FF2B5EF4-FFF2-40B4-BE49-F238E27FC236}">
                <a16:creationId xmlns:a16="http://schemas.microsoft.com/office/drawing/2014/main" id="{3944B10A-E326-B943-AA2A-96B11E50F86A}"/>
              </a:ext>
            </a:extLst>
          </p:cNvPr>
          <p:cNvSpPr>
            <a:spLocks noGrp="1"/>
          </p:cNvSpPr>
          <p:nvPr>
            <p:ph type="ftr" sz="quarter" idx="3"/>
          </p:nvPr>
        </p:nvSpPr>
        <p:spPr>
          <a:xfrm>
            <a:off x="1275080" y="6356351"/>
            <a:ext cx="5575237" cy="366183"/>
          </a:xfrm>
          <a:prstGeom prst="rect">
            <a:avLst/>
          </a:prstGeom>
        </p:spPr>
        <p:txBody>
          <a:bodyPr vert="horz" lIns="91440" tIns="45720" rIns="91440" bIns="45720" rtlCol="0" anchor="ctr"/>
          <a:lstStyle>
            <a:lvl1pPr algn="l">
              <a:defRPr sz="933">
                <a:solidFill>
                  <a:schemeClr val="tx1"/>
                </a:solidFill>
                <a:latin typeface="+mn-lt"/>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933"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12" name="Slide Number Placeholder 11">
            <a:extLst>
              <a:ext uri="{FF2B5EF4-FFF2-40B4-BE49-F238E27FC236}">
                <a16:creationId xmlns:a16="http://schemas.microsoft.com/office/drawing/2014/main" id="{7B7A13B7-76F4-7F49-AC67-85A02B0A35B5}"/>
              </a:ext>
            </a:extLst>
          </p:cNvPr>
          <p:cNvSpPr>
            <a:spLocks noGrp="1"/>
          </p:cNvSpPr>
          <p:nvPr>
            <p:ph type="sldNum" sz="quarter" idx="4"/>
          </p:nvPr>
        </p:nvSpPr>
        <p:spPr>
          <a:xfrm>
            <a:off x="609600" y="6356351"/>
            <a:ext cx="558800" cy="366183"/>
          </a:xfrm>
          <a:prstGeom prst="rect">
            <a:avLst/>
          </a:prstGeom>
        </p:spPr>
        <p:txBody>
          <a:bodyPr vert="horz" lIns="91440" tIns="45720" rIns="91440" bIns="45720" rtlCol="0" anchor="ctr"/>
          <a:lstStyle>
            <a:lvl1pPr marR="0" algn="l" rtl="0">
              <a:lnSpc>
                <a:spcPct val="100000"/>
              </a:lnSpc>
              <a:spcBef>
                <a:spcPts val="0"/>
              </a:spcBef>
              <a:spcAft>
                <a:spcPts val="0"/>
              </a:spcAft>
              <a:buClr>
                <a:srgbClr val="000000"/>
              </a:buClr>
              <a:buFont typeface="Arial"/>
              <a:defRPr lang="en-US" sz="933" b="0" i="0" u="none" strike="noStrike" cap="none" smtClean="0">
                <a:solidFill>
                  <a:schemeClr val="tx1"/>
                </a:solidFill>
                <a:latin typeface="+mj-lt"/>
                <a:ea typeface="Arial"/>
                <a:cs typeface="Arial"/>
                <a:sym typeface="Arial"/>
              </a:defRPr>
            </a:lvl1p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cxnSp>
        <p:nvCxnSpPr>
          <p:cNvPr id="8" name="Straight Connector 7">
            <a:extLst>
              <a:ext uri="{FF2B5EF4-FFF2-40B4-BE49-F238E27FC236}">
                <a16:creationId xmlns:a16="http://schemas.microsoft.com/office/drawing/2014/main" id="{A592341E-80F1-60DD-87CF-9BBE62BAAC15}"/>
              </a:ext>
            </a:extLst>
          </p:cNvPr>
          <p:cNvCxnSpPr/>
          <p:nvPr userDrawn="1"/>
        </p:nvCxnSpPr>
        <p:spPr>
          <a:xfrm>
            <a:off x="8983095" y="6460193"/>
            <a:ext cx="0" cy="182880"/>
          </a:xfrm>
          <a:prstGeom prst="line">
            <a:avLst/>
          </a:prstGeom>
          <a:ln w="12700" cap="sq"/>
        </p:spPr>
        <p:style>
          <a:lnRef idx="1">
            <a:schemeClr val="accent1"/>
          </a:lnRef>
          <a:fillRef idx="0">
            <a:schemeClr val="accent1"/>
          </a:fillRef>
          <a:effectRef idx="0">
            <a:schemeClr val="accent1"/>
          </a:effectRef>
          <a:fontRef idx="minor">
            <a:schemeClr val="tx1"/>
          </a:fontRef>
        </p:style>
      </p:cxnSp>
      <p:sp>
        <p:nvSpPr>
          <p:cNvPr id="4" name="TextBox 3">
            <a:extLst>
              <a:ext uri="{FF2B5EF4-FFF2-40B4-BE49-F238E27FC236}">
                <a16:creationId xmlns:a16="http://schemas.microsoft.com/office/drawing/2014/main" id="{B2B9B2E0-D70A-4E79-80BC-3F517CE8E38A}"/>
              </a:ext>
            </a:extLst>
          </p:cNvPr>
          <p:cNvSpPr txBox="1"/>
          <p:nvPr userDrawn="1"/>
        </p:nvSpPr>
        <p:spPr>
          <a:xfrm>
            <a:off x="9147175" y="6396340"/>
            <a:ext cx="2600320" cy="307777"/>
          </a:xfrm>
          <a:prstGeom prst="rect">
            <a:avLst/>
          </a:prstGeom>
          <a:noFill/>
        </p:spPr>
        <p:txBody>
          <a:bodyPr wrap="square" rtlCol="0" anchor="ctr">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dirty="0">
                <a:ln>
                  <a:noFill/>
                </a:ln>
                <a:solidFill>
                  <a:srgbClr val="F3F3F3"/>
                </a:solidFill>
                <a:effectLst/>
                <a:uLnTx/>
                <a:uFillTx/>
                <a:latin typeface="Montserrat Bold" panose="020B0604020202020204"/>
                <a:ea typeface="+mn-ea"/>
                <a:cs typeface="+mn-cs"/>
              </a:rPr>
              <a:t>Autobooks Training</a:t>
            </a:r>
            <a:r>
              <a:rPr kumimoji="0" lang="en-US" sz="1400" b="0" i="0" u="none" strike="noStrike" kern="1200" cap="none" spc="0" normalizeH="0" baseline="0" noProof="0" dirty="0">
                <a:ln>
                  <a:noFill/>
                </a:ln>
                <a:solidFill>
                  <a:srgbClr val="F3F3F3"/>
                </a:solidFill>
                <a:effectLst/>
                <a:uLnTx/>
                <a:uFillTx/>
                <a:latin typeface="Montserrat Light" panose="02020603050405020304"/>
                <a:ea typeface="+mn-ea"/>
                <a:cs typeface="+mn-cs"/>
              </a:rPr>
              <a:t> 2025</a:t>
            </a:r>
          </a:p>
        </p:txBody>
      </p:sp>
    </p:spTree>
    <p:extLst>
      <p:ext uri="{BB962C8B-B14F-4D97-AF65-F5344CB8AC3E}">
        <p14:creationId xmlns:p14="http://schemas.microsoft.com/office/powerpoint/2010/main" val="2329371588"/>
      </p:ext>
    </p:extLst>
  </p:cSld>
  <p:clrMap bg1="lt1" tx1="dk1" bg2="lt2" tx2="dk2" accent1="accent1" accent2="accent2" accent3="accent3" accent4="accent4" accent5="accent5" accent6="accent6" hlink="hlink" folHlink="folHlink"/>
  <p:sldLayoutIdLst>
    <p:sldLayoutId id="2147483688" r:id="rId1"/>
    <p:sldLayoutId id="2147483689" r:id="rId2"/>
    <p:sldLayoutId id="2147483690" r:id="rId3"/>
    <p:sldLayoutId id="2147483691" r:id="rId4"/>
    <p:sldLayoutId id="2147483692" r:id="rId5"/>
    <p:sldLayoutId id="2147483693" r:id="rId6"/>
    <p:sldLayoutId id="2147483694" r:id="rId7"/>
    <p:sldLayoutId id="2147483695" r:id="rId8"/>
    <p:sldLayoutId id="2147483696" r:id="rId9"/>
    <p:sldLayoutId id="2147483697" r:id="rId10"/>
    <p:sldLayoutId id="2147483698" r:id="rId11"/>
    <p:sldLayoutId id="2147483699" r:id="rId12"/>
    <p:sldLayoutId id="2147483700" r:id="rId13"/>
    <p:sldLayoutId id="2147483701" r:id="rId14"/>
    <p:sldLayoutId id="2147483702" r:id="rId15"/>
    <p:sldLayoutId id="2147483703" r:id="rId16"/>
    <p:sldLayoutId id="2147483704" r:id="rId17"/>
    <p:sldLayoutId id="2147483705" r:id="rId18"/>
    <p:sldLayoutId id="2147483706" r:id="rId19"/>
    <p:sldLayoutId id="2147483707" r:id="rId20"/>
    <p:sldLayoutId id="2147483708" r:id="rId21"/>
    <p:sldLayoutId id="2147483709" r:id="rId22"/>
    <p:sldLayoutId id="2147483711" r:id="rId23"/>
  </p:sldLayoutIdLst>
  <p:hf hdr="0" dt="0"/>
  <p:txStyles>
    <p:titleStyle>
      <a:lvl1pPr algn="l" defTabSz="914377" rtl="0" eaLnBrk="1" latinLnBrk="0" hangingPunct="1">
        <a:lnSpc>
          <a:spcPct val="90000"/>
        </a:lnSpc>
        <a:spcBef>
          <a:spcPct val="0"/>
        </a:spcBef>
        <a:buNone/>
        <a:defRPr sz="3200" b="1" i="0" kern="1200">
          <a:solidFill>
            <a:schemeClr val="bg1"/>
          </a:solidFill>
          <a:latin typeface="+mj-lt"/>
          <a:ea typeface="+mj-ea"/>
          <a:cs typeface="+mj-cs"/>
        </a:defRPr>
      </a:lvl1pPr>
    </p:titleStyle>
    <p:bodyStyle>
      <a:lvl1pPr marL="306910" indent="-306910" algn="l" defTabSz="914377" rtl="0" eaLnBrk="1" latinLnBrk="0" hangingPunct="1">
        <a:lnSpc>
          <a:spcPct val="100000"/>
        </a:lnSpc>
        <a:spcBef>
          <a:spcPts val="800"/>
        </a:spcBef>
        <a:spcAft>
          <a:spcPts val="800"/>
        </a:spcAft>
        <a:buClr>
          <a:srgbClr val="5A6670"/>
        </a:buClr>
        <a:buSzPct val="90000"/>
        <a:buFont typeface="Arial" panose="020B0604020202020204" pitchFamily="34" charset="0"/>
        <a:buChar char="•"/>
        <a:tabLst/>
        <a:defRPr sz="1867" b="0" i="0" kern="1200">
          <a:solidFill>
            <a:schemeClr val="bg1"/>
          </a:solidFill>
          <a:latin typeface="+mn-lt"/>
          <a:ea typeface="+mn-ea"/>
          <a:cs typeface="+mn-cs"/>
        </a:defRPr>
      </a:lvl1pPr>
      <a:lvl2pPr marL="685783" indent="-228594" algn="l" defTabSz="914377" rtl="0" eaLnBrk="1" latinLnBrk="0" hangingPunct="1">
        <a:lnSpc>
          <a:spcPct val="100000"/>
        </a:lnSpc>
        <a:spcBef>
          <a:spcPts val="0"/>
        </a:spcBef>
        <a:spcAft>
          <a:spcPts val="800"/>
        </a:spcAft>
        <a:buClr>
          <a:srgbClr val="5A6670"/>
        </a:buClr>
        <a:buSzPct val="75000"/>
        <a:buFont typeface="Courier New" panose="02070309020205020404" pitchFamily="49" charset="0"/>
        <a:buChar char="o"/>
        <a:defRPr sz="1600" b="0" i="0" kern="1200">
          <a:solidFill>
            <a:schemeClr val="bg1"/>
          </a:solidFill>
          <a:latin typeface="+mn-lt"/>
          <a:ea typeface="+mn-ea"/>
          <a:cs typeface="+mn-cs"/>
        </a:defRPr>
      </a:lvl2pPr>
      <a:lvl3pPr marL="1142971" indent="-228594" algn="l" defTabSz="914377" rtl="0" eaLnBrk="1" latinLnBrk="0" hangingPunct="1">
        <a:lnSpc>
          <a:spcPct val="100000"/>
        </a:lnSpc>
        <a:spcBef>
          <a:spcPts val="0"/>
        </a:spcBef>
        <a:spcAft>
          <a:spcPts val="800"/>
        </a:spcAft>
        <a:buClr>
          <a:srgbClr val="5A6670"/>
        </a:buClr>
        <a:buSzPct val="100000"/>
        <a:buFont typeface="Wingdings" pitchFamily="2" charset="2"/>
        <a:buChar char="§"/>
        <a:defRPr lang="en-US" sz="1467" b="0" i="0" kern="1200" dirty="0">
          <a:solidFill>
            <a:schemeClr val="bg1"/>
          </a:solidFill>
          <a:latin typeface="+mn-lt"/>
          <a:ea typeface="+mn-ea"/>
          <a:cs typeface="+mn-cs"/>
        </a:defRPr>
      </a:lvl3pPr>
      <a:lvl4pPr marL="1600160" indent="-228594" algn="l" defTabSz="914377" rtl="0" eaLnBrk="1" latinLnBrk="0" hangingPunct="1">
        <a:lnSpc>
          <a:spcPct val="100000"/>
        </a:lnSpc>
        <a:spcBef>
          <a:spcPts val="0"/>
        </a:spcBef>
        <a:spcAft>
          <a:spcPts val="800"/>
        </a:spcAft>
        <a:buClr>
          <a:srgbClr val="5A6670"/>
        </a:buClr>
        <a:buSzPct val="60000"/>
        <a:buFont typeface="Wingdings" pitchFamily="2" charset="2"/>
        <a:buChar char="§"/>
        <a:defRPr sz="1333" b="0" i="0" kern="1200">
          <a:solidFill>
            <a:schemeClr val="bg1"/>
          </a:solidFill>
          <a:latin typeface="+mn-lt"/>
          <a:ea typeface="+mn-ea"/>
          <a:cs typeface="+mn-cs"/>
        </a:defRPr>
      </a:lvl4pPr>
      <a:lvl5pPr marL="1828754" indent="0" algn="l" defTabSz="914377" rtl="0" eaLnBrk="1" latinLnBrk="0" hangingPunct="1">
        <a:lnSpc>
          <a:spcPct val="90000"/>
        </a:lnSpc>
        <a:spcBef>
          <a:spcPts val="0"/>
        </a:spcBef>
        <a:spcAft>
          <a:spcPts val="1200"/>
        </a:spcAft>
        <a:buFont typeface="Arial" panose="020B0604020202020204" pitchFamily="34" charset="0"/>
        <a:buNone/>
        <a:defRPr sz="1600" b="0" i="0" kern="1200">
          <a:solidFill>
            <a:srgbClr val="5A6670"/>
          </a:solidFill>
          <a:latin typeface="+mn-lt"/>
          <a:ea typeface="+mn-ea"/>
          <a:cs typeface="+mn-cs"/>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564">
          <p15:clr>
            <a:srgbClr val="F26B43"/>
          </p15:clr>
        </p15:guide>
        <p15:guide id="2" pos="2880">
          <p15:clr>
            <a:srgbClr val="F26B43"/>
          </p15:clr>
        </p15:guide>
        <p15:guide id="3" orient="horz" pos="732">
          <p15:clr>
            <a:srgbClr val="F26B43"/>
          </p15:clr>
        </p15:guide>
        <p15:guide id="4" orient="horz" pos="2916">
          <p15:clr>
            <a:srgbClr val="F26B43"/>
          </p15:clr>
        </p15:guide>
        <p15:guide id="5" pos="288">
          <p15:clr>
            <a:srgbClr val="F26B43"/>
          </p15:clr>
        </p15:guide>
        <p15:guide id="6" pos="5472">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4.xml"/><Relationship Id="rId1" Type="http://schemas.openxmlformats.org/officeDocument/2006/relationships/tags" Target="../tags/tag6.xml"/><Relationship Id="rId6" Type="http://schemas.openxmlformats.org/officeDocument/2006/relationships/image" Target="../media/image4.png"/><Relationship Id="rId5" Type="http://schemas.openxmlformats.org/officeDocument/2006/relationships/image" Target="../media/image3.svg"/><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8" Type="http://schemas.openxmlformats.org/officeDocument/2006/relationships/image" Target="../media/image19.png"/><Relationship Id="rId3" Type="http://schemas.openxmlformats.org/officeDocument/2006/relationships/notesSlide" Target="../notesSlides/notesSlide6.xml"/><Relationship Id="rId7" Type="http://schemas.openxmlformats.org/officeDocument/2006/relationships/image" Target="../media/image18.svg"/><Relationship Id="rId2" Type="http://schemas.openxmlformats.org/officeDocument/2006/relationships/slideLayout" Target="../slideLayouts/slideLayout6.xml"/><Relationship Id="rId1" Type="http://schemas.openxmlformats.org/officeDocument/2006/relationships/tags" Target="../tags/tag10.xml"/><Relationship Id="rId6" Type="http://schemas.openxmlformats.org/officeDocument/2006/relationships/image" Target="../media/image17.png"/><Relationship Id="rId5" Type="http://schemas.openxmlformats.org/officeDocument/2006/relationships/image" Target="../media/image3.svg"/><Relationship Id="rId4" Type="http://schemas.openxmlformats.org/officeDocument/2006/relationships/image" Target="../media/image2.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image" Target="../media/image21.jpeg"/><Relationship Id="rId2" Type="http://schemas.openxmlformats.org/officeDocument/2006/relationships/slideLayout" Target="../slideLayouts/slideLayout6.xml"/><Relationship Id="rId1" Type="http://schemas.openxmlformats.org/officeDocument/2006/relationships/tags" Target="../tags/tag11.xml"/><Relationship Id="rId6" Type="http://schemas.openxmlformats.org/officeDocument/2006/relationships/image" Target="../media/image20.png"/><Relationship Id="rId5" Type="http://schemas.openxmlformats.org/officeDocument/2006/relationships/image" Target="../media/image3.svg"/><Relationship Id="rId4" Type="http://schemas.openxmlformats.org/officeDocument/2006/relationships/image" Target="../media/image2.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8.xml"/><Relationship Id="rId7" Type="http://schemas.openxmlformats.org/officeDocument/2006/relationships/image" Target="../media/image18.svg"/><Relationship Id="rId2" Type="http://schemas.openxmlformats.org/officeDocument/2006/relationships/slideLayout" Target="../slideLayouts/slideLayout6.xml"/><Relationship Id="rId1" Type="http://schemas.openxmlformats.org/officeDocument/2006/relationships/tags" Target="../tags/tag12.xml"/><Relationship Id="rId6" Type="http://schemas.openxmlformats.org/officeDocument/2006/relationships/image" Target="../media/image17.png"/><Relationship Id="rId5" Type="http://schemas.openxmlformats.org/officeDocument/2006/relationships/image" Target="../media/image3.svg"/><Relationship Id="rId4" Type="http://schemas.openxmlformats.org/officeDocument/2006/relationships/image" Target="../media/image2.png"/></Relationships>
</file>

<file path=ppt/slides/_rels/slide13.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9.xml"/><Relationship Id="rId1" Type="http://schemas.openxmlformats.org/officeDocument/2006/relationships/slideLayout" Target="../slideLayouts/slideLayout1.xml"/><Relationship Id="rId4" Type="http://schemas.openxmlformats.org/officeDocument/2006/relationships/image" Target="../media/image16.svg"/></Relationships>
</file>

<file path=ppt/slides/_rels/slide14.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notesSlide" Target="../notesSlides/notesSlide10.xml"/><Relationship Id="rId7" Type="http://schemas.openxmlformats.org/officeDocument/2006/relationships/image" Target="../media/image18.svg"/><Relationship Id="rId2" Type="http://schemas.openxmlformats.org/officeDocument/2006/relationships/slideLayout" Target="../slideLayouts/slideLayout6.xml"/><Relationship Id="rId1" Type="http://schemas.openxmlformats.org/officeDocument/2006/relationships/tags" Target="../tags/tag13.xml"/><Relationship Id="rId6" Type="http://schemas.openxmlformats.org/officeDocument/2006/relationships/image" Target="../media/image17.png"/><Relationship Id="rId5" Type="http://schemas.openxmlformats.org/officeDocument/2006/relationships/image" Target="../media/image3.svg"/><Relationship Id="rId4" Type="http://schemas.openxmlformats.org/officeDocument/2006/relationships/image" Target="../media/image2.png"/></Relationships>
</file>

<file path=ppt/slides/_rels/slide15.xml.rels><?xml version="1.0" encoding="UTF-8" standalone="yes"?>
<Relationships xmlns="http://schemas.openxmlformats.org/package/2006/relationships"><Relationship Id="rId8" Type="http://schemas.openxmlformats.org/officeDocument/2006/relationships/diagramQuickStyle" Target="../diagrams/quickStyle1.xml"/><Relationship Id="rId3" Type="http://schemas.openxmlformats.org/officeDocument/2006/relationships/notesSlide" Target="../notesSlides/notesSlide11.xml"/><Relationship Id="rId7" Type="http://schemas.openxmlformats.org/officeDocument/2006/relationships/diagramLayout" Target="../diagrams/layout1.xml"/><Relationship Id="rId2" Type="http://schemas.openxmlformats.org/officeDocument/2006/relationships/slideLayout" Target="../slideLayouts/slideLayout6.xml"/><Relationship Id="rId1" Type="http://schemas.openxmlformats.org/officeDocument/2006/relationships/tags" Target="../tags/tag14.xml"/><Relationship Id="rId6" Type="http://schemas.openxmlformats.org/officeDocument/2006/relationships/diagramData" Target="../diagrams/data1.xml"/><Relationship Id="rId5" Type="http://schemas.openxmlformats.org/officeDocument/2006/relationships/image" Target="../media/image3.svg"/><Relationship Id="rId10" Type="http://schemas.microsoft.com/office/2007/relationships/diagramDrawing" Target="../diagrams/drawing1.xml"/><Relationship Id="rId4" Type="http://schemas.openxmlformats.org/officeDocument/2006/relationships/image" Target="../media/image2.png"/><Relationship Id="rId9" Type="http://schemas.openxmlformats.org/officeDocument/2006/relationships/diagramColors" Target="../diagrams/colors1.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6.xml"/><Relationship Id="rId1" Type="http://schemas.openxmlformats.org/officeDocument/2006/relationships/tags" Target="../tags/tag15.xml"/><Relationship Id="rId5" Type="http://schemas.openxmlformats.org/officeDocument/2006/relationships/image" Target="../media/image3.svg"/><Relationship Id="rId4" Type="http://schemas.openxmlformats.org/officeDocument/2006/relationships/image" Target="../media/image2.png"/></Relationships>
</file>

<file path=ppt/slides/_rels/slide17.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notesSlide" Target="../notesSlides/notesSlide13.xml"/><Relationship Id="rId7" Type="http://schemas.openxmlformats.org/officeDocument/2006/relationships/image" Target="../media/image18.svg"/><Relationship Id="rId2" Type="http://schemas.openxmlformats.org/officeDocument/2006/relationships/slideLayout" Target="../slideLayouts/slideLayout6.xml"/><Relationship Id="rId1" Type="http://schemas.openxmlformats.org/officeDocument/2006/relationships/tags" Target="../tags/tag16.xml"/><Relationship Id="rId6" Type="http://schemas.openxmlformats.org/officeDocument/2006/relationships/image" Target="../media/image17.png"/><Relationship Id="rId5" Type="http://schemas.openxmlformats.org/officeDocument/2006/relationships/image" Target="../media/image3.svg"/><Relationship Id="rId4" Type="http://schemas.openxmlformats.org/officeDocument/2006/relationships/image" Target="../media/image2.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19.xml.rels><?xml version="1.0" encoding="UTF-8" standalone="yes"?>
<Relationships xmlns="http://schemas.openxmlformats.org/package/2006/relationships"><Relationship Id="rId8" Type="http://schemas.openxmlformats.org/officeDocument/2006/relationships/hyperlink" Target="https://help.autobooks.co/" TargetMode="External"/><Relationship Id="rId3" Type="http://schemas.openxmlformats.org/officeDocument/2006/relationships/notesSlide" Target="../notesSlides/notesSlide14.xml"/><Relationship Id="rId7" Type="http://schemas.openxmlformats.org/officeDocument/2006/relationships/image" Target="../media/image27.png"/><Relationship Id="rId2" Type="http://schemas.openxmlformats.org/officeDocument/2006/relationships/slideLayout" Target="../slideLayouts/slideLayout1.xml"/><Relationship Id="rId1" Type="http://schemas.openxmlformats.org/officeDocument/2006/relationships/tags" Target="../tags/tag17.xml"/><Relationship Id="rId6" Type="http://schemas.openxmlformats.org/officeDocument/2006/relationships/image" Target="../media/image26.png"/><Relationship Id="rId5" Type="http://schemas.openxmlformats.org/officeDocument/2006/relationships/image" Target="../media/image25.svg"/><Relationship Id="rId4" Type="http://schemas.openxmlformats.org/officeDocument/2006/relationships/image" Target="../media/image24.png"/></Relationships>
</file>

<file path=ppt/slides/_rels/slide2.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slideLayout" Target="../slideLayouts/slideLayout5.xml"/><Relationship Id="rId7" Type="http://schemas.openxmlformats.org/officeDocument/2006/relationships/image" Target="../media/image5.png"/><Relationship Id="rId2" Type="http://schemas.openxmlformats.org/officeDocument/2006/relationships/tags" Target="../tags/tag8.xml"/><Relationship Id="rId1" Type="http://schemas.openxmlformats.org/officeDocument/2006/relationships/tags" Target="../tags/tag7.xml"/><Relationship Id="rId6" Type="http://schemas.openxmlformats.org/officeDocument/2006/relationships/image" Target="../media/image3.svg"/><Relationship Id="rId5" Type="http://schemas.openxmlformats.org/officeDocument/2006/relationships/image" Target="../media/image2.png"/><Relationship Id="rId4" Type="http://schemas.openxmlformats.org/officeDocument/2006/relationships/notesSlide" Target="../notesSlides/notesSlide2.xml"/><Relationship Id="rId9" Type="http://schemas.openxmlformats.org/officeDocument/2006/relationships/image" Target="../media/image7.png"/></Relationships>
</file>

<file path=ppt/slides/_rels/slide3.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3.xml"/><Relationship Id="rId1" Type="http://schemas.openxmlformats.org/officeDocument/2006/relationships/slideLayout" Target="../slideLayouts/slideLayout1.xml"/><Relationship Id="rId4" Type="http://schemas.openxmlformats.org/officeDocument/2006/relationships/image" Target="../media/image9.svg"/></Relationships>
</file>

<file path=ppt/slides/_rels/slide4.xml.rels><?xml version="1.0" encoding="UTF-8" standalone="yes"?>
<Relationships xmlns="http://schemas.openxmlformats.org/package/2006/relationships"><Relationship Id="rId2" Type="http://schemas.openxmlformats.org/officeDocument/2006/relationships/image" Target="../media/image10.jpg"/><Relationship Id="rId1" Type="http://schemas.openxmlformats.org/officeDocument/2006/relationships/slideLayout" Target="../slideLayouts/slideLayout30.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6.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Layout" Target="../slideLayouts/slideLayout1.xml"/><Relationship Id="rId5" Type="http://schemas.openxmlformats.org/officeDocument/2006/relationships/image" Target="../media/image14.png"/><Relationship Id="rId4" Type="http://schemas.openxmlformats.org/officeDocument/2006/relationships/image" Target="../media/image13.png"/></Relationships>
</file>

<file path=ppt/slides/_rels/slide7.xml.rels><?xml version="1.0" encoding="UTF-8" standalone="yes"?>
<Relationships xmlns="http://schemas.openxmlformats.org/package/2006/relationships"><Relationship Id="rId2" Type="http://schemas.openxmlformats.org/officeDocument/2006/relationships/image" Target="../media/image15.jpeg"/><Relationship Id="rId1" Type="http://schemas.openxmlformats.org/officeDocument/2006/relationships/slideLayout" Target="../slideLayouts/slideLayout14.xml"/></Relationships>
</file>

<file path=ppt/slides/_rels/slide8.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4.xml"/><Relationship Id="rId1" Type="http://schemas.openxmlformats.org/officeDocument/2006/relationships/slideLayout" Target="../slideLayouts/slideLayout1.xml"/><Relationship Id="rId4" Type="http://schemas.openxmlformats.org/officeDocument/2006/relationships/image" Target="../media/image16.svg"/></Relationships>
</file>

<file path=ppt/slides/_rels/slide9.xml.rels><?xml version="1.0" encoding="UTF-8" standalone="yes"?>
<Relationships xmlns="http://schemas.openxmlformats.org/package/2006/relationships"><Relationship Id="rId8" Type="http://schemas.openxmlformats.org/officeDocument/2006/relationships/image" Target="../media/image19.png"/><Relationship Id="rId3" Type="http://schemas.openxmlformats.org/officeDocument/2006/relationships/notesSlide" Target="../notesSlides/notesSlide5.xml"/><Relationship Id="rId7" Type="http://schemas.openxmlformats.org/officeDocument/2006/relationships/image" Target="../media/image18.svg"/><Relationship Id="rId2" Type="http://schemas.openxmlformats.org/officeDocument/2006/relationships/slideLayout" Target="../slideLayouts/slideLayout6.xml"/><Relationship Id="rId1" Type="http://schemas.openxmlformats.org/officeDocument/2006/relationships/tags" Target="../tags/tag9.xml"/><Relationship Id="rId6" Type="http://schemas.openxmlformats.org/officeDocument/2006/relationships/image" Target="../media/image17.png"/><Relationship Id="rId5" Type="http://schemas.openxmlformats.org/officeDocument/2006/relationships/image" Target="../media/image3.svg"/><Relationship Id="rId4" Type="http://schemas.openxmlformats.org/officeDocument/2006/relationships/image" Target="../media/image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Freeform 5">
            <a:extLst>
              <a:ext uri="{FF2B5EF4-FFF2-40B4-BE49-F238E27FC236}">
                <a16:creationId xmlns:a16="http://schemas.microsoft.com/office/drawing/2014/main" id="{5F8B9706-EEFE-C282-BA1A-8F905AD62FB0}"/>
              </a:ext>
            </a:extLst>
          </p:cNvPr>
          <p:cNvSpPr/>
          <p:nvPr/>
        </p:nvSpPr>
        <p:spPr>
          <a:xfrm rot="16956679" flipH="1">
            <a:off x="-139739" y="1719688"/>
            <a:ext cx="5133943" cy="6069366"/>
          </a:xfrm>
          <a:custGeom>
            <a:avLst/>
            <a:gdLst>
              <a:gd name="connsiteX0" fmla="*/ 5031058 w 5133943"/>
              <a:gd name="connsiteY0" fmla="*/ 1098743 h 6069366"/>
              <a:gd name="connsiteX1" fmla="*/ 5058388 w 5133943"/>
              <a:gd name="connsiteY1" fmla="*/ 1141575 h 6069366"/>
              <a:gd name="connsiteX2" fmla="*/ 5121233 w 5133943"/>
              <a:gd name="connsiteY2" fmla="*/ 1252988 h 6069366"/>
              <a:gd name="connsiteX3" fmla="*/ 5133943 w 5133943"/>
              <a:gd name="connsiteY3" fmla="*/ 1196177 h 6069366"/>
              <a:gd name="connsiteX4" fmla="*/ 5094752 w 5133943"/>
              <a:gd name="connsiteY4" fmla="*/ 1126698 h 6069366"/>
              <a:gd name="connsiteX5" fmla="*/ 5084552 w 5133943"/>
              <a:gd name="connsiteY5" fmla="*/ 1110712 h 6069366"/>
              <a:gd name="connsiteX6" fmla="*/ 4880213 w 5133943"/>
              <a:gd name="connsiteY6" fmla="*/ 1064994 h 6069366"/>
              <a:gd name="connsiteX7" fmla="*/ 4953786 w 5133943"/>
              <a:gd name="connsiteY7" fmla="*/ 1180112 h 6069366"/>
              <a:gd name="connsiteX8" fmla="*/ 5075000 w 5133943"/>
              <a:gd name="connsiteY8" fmla="*/ 1394626 h 6069366"/>
              <a:gd name="connsiteX9" fmla="*/ 5085154 w 5133943"/>
              <a:gd name="connsiteY9" fmla="*/ 1414244 h 6069366"/>
              <a:gd name="connsiteX10" fmla="*/ 5098138 w 5133943"/>
              <a:gd name="connsiteY10" fmla="*/ 1356213 h 6069366"/>
              <a:gd name="connsiteX11" fmla="*/ 4990208 w 5133943"/>
              <a:gd name="connsiteY11" fmla="*/ 1165187 h 6069366"/>
              <a:gd name="connsiteX12" fmla="*/ 4933848 w 5133943"/>
              <a:gd name="connsiteY12" fmla="*/ 1076994 h 6069366"/>
              <a:gd name="connsiteX13" fmla="*/ 4728152 w 5133943"/>
              <a:gd name="connsiteY13" fmla="*/ 1030973 h 6069366"/>
              <a:gd name="connsiteX14" fmla="*/ 4848647 w 5133943"/>
              <a:gd name="connsiteY14" fmla="*/ 1219268 h 6069366"/>
              <a:gd name="connsiteX15" fmla="*/ 4968389 w 5133943"/>
              <a:gd name="connsiteY15" fmla="*/ 1430881 h 6069366"/>
              <a:gd name="connsiteX16" fmla="*/ 5047350 w 5133943"/>
              <a:gd name="connsiteY16" fmla="*/ 1583213 h 6069366"/>
              <a:gd name="connsiteX17" fmla="*/ 5060699 w 5133943"/>
              <a:gd name="connsiteY17" fmla="*/ 1523548 h 6069366"/>
              <a:gd name="connsiteX18" fmla="*/ 5005134 w 5133943"/>
              <a:gd name="connsiteY18" fmla="*/ 1416372 h 6069366"/>
              <a:gd name="connsiteX19" fmla="*/ 4884805 w 5133943"/>
              <a:gd name="connsiteY19" fmla="*/ 1203762 h 6069366"/>
              <a:gd name="connsiteX20" fmla="*/ 4781910 w 5133943"/>
              <a:gd name="connsiteY20" fmla="*/ 1043001 h 6069366"/>
              <a:gd name="connsiteX21" fmla="*/ 4576754 w 5133943"/>
              <a:gd name="connsiteY21" fmla="*/ 997100 h 6069366"/>
              <a:gd name="connsiteX22" fmla="*/ 4743928 w 5133943"/>
              <a:gd name="connsiteY22" fmla="*/ 1257906 h 6069366"/>
              <a:gd name="connsiteX23" fmla="*/ 4972325 w 5133943"/>
              <a:gd name="connsiteY23" fmla="*/ 1678600 h 6069366"/>
              <a:gd name="connsiteX24" fmla="*/ 5008772 w 5133943"/>
              <a:gd name="connsiteY24" fmla="*/ 1755641 h 6069366"/>
              <a:gd name="connsiteX25" fmla="*/ 5022861 w 5133943"/>
              <a:gd name="connsiteY25" fmla="*/ 1692669 h 6069366"/>
              <a:gd name="connsiteX26" fmla="*/ 5009957 w 5133943"/>
              <a:gd name="connsiteY26" fmla="*/ 1665398 h 6069366"/>
              <a:gd name="connsiteX27" fmla="*/ 4780419 w 5133943"/>
              <a:gd name="connsiteY27" fmla="*/ 1242673 h 6069366"/>
              <a:gd name="connsiteX28" fmla="*/ 4630727 w 5133943"/>
              <a:gd name="connsiteY28" fmla="*/ 1009176 h 6069366"/>
              <a:gd name="connsiteX29" fmla="*/ 4425138 w 5133943"/>
              <a:gd name="connsiteY29" fmla="*/ 963179 h 6069366"/>
              <a:gd name="connsiteX30" fmla="*/ 4639230 w 5133943"/>
              <a:gd name="connsiteY30" fmla="*/ 1296604 h 6069366"/>
              <a:gd name="connsiteX31" fmla="*/ 4965439 w 5133943"/>
              <a:gd name="connsiteY31" fmla="*/ 1923575 h 6069366"/>
              <a:gd name="connsiteX32" fmla="*/ 4969225 w 5133943"/>
              <a:gd name="connsiteY32" fmla="*/ 1932401 h 6069366"/>
              <a:gd name="connsiteX33" fmla="*/ 4983385 w 5133943"/>
              <a:gd name="connsiteY33" fmla="*/ 1869109 h 6069366"/>
              <a:gd name="connsiteX34" fmla="*/ 4902279 w 5133943"/>
              <a:gd name="connsiteY34" fmla="*/ 1698059 h 6069366"/>
              <a:gd name="connsiteX35" fmla="*/ 4675495 w 5133943"/>
              <a:gd name="connsiteY35" fmla="*/ 1281207 h 6069366"/>
              <a:gd name="connsiteX36" fmla="*/ 4478996 w 5133943"/>
              <a:gd name="connsiteY36" fmla="*/ 975228 h 6069366"/>
              <a:gd name="connsiteX37" fmla="*/ 3197552 w 5133943"/>
              <a:gd name="connsiteY37" fmla="*/ 5849972 h 6069366"/>
              <a:gd name="connsiteX38" fmla="*/ 3197647 w 5133943"/>
              <a:gd name="connsiteY38" fmla="*/ 5849972 h 6069366"/>
              <a:gd name="connsiteX39" fmla="*/ 3197636 w 5133943"/>
              <a:gd name="connsiteY39" fmla="*/ 5849964 h 6069366"/>
              <a:gd name="connsiteX40" fmla="*/ 4272032 w 5133943"/>
              <a:gd name="connsiteY40" fmla="*/ 928924 h 6069366"/>
              <a:gd name="connsiteX41" fmla="*/ 4280147 w 5133943"/>
              <a:gd name="connsiteY41" fmla="*/ 939762 h 6069366"/>
              <a:gd name="connsiteX42" fmla="*/ 4856672 w 5133943"/>
              <a:gd name="connsiteY42" fmla="*/ 1953097 h 6069366"/>
              <a:gd name="connsiteX43" fmla="*/ 4927657 w 5133943"/>
              <a:gd name="connsiteY43" fmla="*/ 2118193 h 6069366"/>
              <a:gd name="connsiteX44" fmla="*/ 4942297 w 5133943"/>
              <a:gd name="connsiteY44" fmla="*/ 2052759 h 6069366"/>
              <a:gd name="connsiteX45" fmla="*/ 4894312 w 5133943"/>
              <a:gd name="connsiteY45" fmla="*/ 1941142 h 6069366"/>
              <a:gd name="connsiteX46" fmla="*/ 4570491 w 5133943"/>
              <a:gd name="connsiteY46" fmla="*/ 1319990 h 6069366"/>
              <a:gd name="connsiteX47" fmla="*/ 4326838 w 5133943"/>
              <a:gd name="connsiteY47" fmla="*/ 941186 h 6069366"/>
              <a:gd name="connsiteX48" fmla="*/ 4110086 w 5133943"/>
              <a:gd name="connsiteY48" fmla="*/ 892691 h 6069366"/>
              <a:gd name="connsiteX49" fmla="*/ 4178673 w 5133943"/>
              <a:gd name="connsiteY49" fmla="*/ 984149 h 6069366"/>
              <a:gd name="connsiteX50" fmla="*/ 4838029 w 5133943"/>
              <a:gd name="connsiteY50" fmla="*/ 2191879 h 6069366"/>
              <a:gd name="connsiteX51" fmla="*/ 4884366 w 5133943"/>
              <a:gd name="connsiteY51" fmla="*/ 2311685 h 6069366"/>
              <a:gd name="connsiteX52" fmla="*/ 4899847 w 5133943"/>
              <a:gd name="connsiteY52" fmla="*/ 2242494 h 6069366"/>
              <a:gd name="connsiteX53" fmla="*/ 4876052 w 5133943"/>
              <a:gd name="connsiteY53" fmla="*/ 2180965 h 6069366"/>
              <a:gd name="connsiteX54" fmla="*/ 4213392 w 5133943"/>
              <a:gd name="connsiteY54" fmla="*/ 967091 h 6069366"/>
              <a:gd name="connsiteX55" fmla="*/ 4167181 w 5133943"/>
              <a:gd name="connsiteY55" fmla="*/ 905465 h 6069366"/>
              <a:gd name="connsiteX56" fmla="*/ 3947896 w 5133943"/>
              <a:gd name="connsiteY56" fmla="*/ 856403 h 6069366"/>
              <a:gd name="connsiteX57" fmla="*/ 4077346 w 5133943"/>
              <a:gd name="connsiteY57" fmla="*/ 1028744 h 6069366"/>
              <a:gd name="connsiteX58" fmla="*/ 4809260 w 5133943"/>
              <a:gd name="connsiteY58" fmla="*/ 2427578 h 6069366"/>
              <a:gd name="connsiteX59" fmla="*/ 4839070 w 5133943"/>
              <a:gd name="connsiteY59" fmla="*/ 2514143 h 6069366"/>
              <a:gd name="connsiteX60" fmla="*/ 4855485 w 5133943"/>
              <a:gd name="connsiteY60" fmla="*/ 2440772 h 6069366"/>
              <a:gd name="connsiteX61" fmla="*/ 4847450 w 5133943"/>
              <a:gd name="connsiteY61" fmla="*/ 2417441 h 6069366"/>
              <a:gd name="connsiteX62" fmla="*/ 4111712 w 5133943"/>
              <a:gd name="connsiteY62" fmla="*/ 1011429 h 6069366"/>
              <a:gd name="connsiteX63" fmla="*/ 4004827 w 5133943"/>
              <a:gd name="connsiteY63" fmla="*/ 869141 h 6069366"/>
              <a:gd name="connsiteX64" fmla="*/ 3785491 w 5133943"/>
              <a:gd name="connsiteY64" fmla="*/ 820068 h 6069366"/>
              <a:gd name="connsiteX65" fmla="*/ 3975989 w 5133943"/>
              <a:gd name="connsiteY65" fmla="*/ 1073264 h 6069366"/>
              <a:gd name="connsiteX66" fmla="*/ 4770368 w 5133943"/>
              <a:gd name="connsiteY66" fmla="*/ 2659344 h 6069366"/>
              <a:gd name="connsiteX67" fmla="*/ 4791192 w 5133943"/>
              <a:gd name="connsiteY67" fmla="*/ 2728135 h 6069366"/>
              <a:gd name="connsiteX68" fmla="*/ 4808689 w 5133943"/>
              <a:gd name="connsiteY68" fmla="*/ 2649930 h 6069366"/>
              <a:gd name="connsiteX69" fmla="*/ 4736605 w 5133943"/>
              <a:gd name="connsiteY69" fmla="*/ 2441212 h 6069366"/>
              <a:gd name="connsiteX70" fmla="*/ 4010314 w 5133943"/>
              <a:gd name="connsiteY70" fmla="*/ 1056023 h 6069366"/>
              <a:gd name="connsiteX71" fmla="*/ 3842356 w 5133943"/>
              <a:gd name="connsiteY71" fmla="*/ 832790 h 6069366"/>
              <a:gd name="connsiteX72" fmla="*/ 3621808 w 5133943"/>
              <a:gd name="connsiteY72" fmla="*/ 783446 h 6069366"/>
              <a:gd name="connsiteX73" fmla="*/ 3873677 w 5133943"/>
              <a:gd name="connsiteY73" fmla="*/ 1117636 h 6069366"/>
              <a:gd name="connsiteX74" fmla="*/ 4720790 w 5133943"/>
              <a:gd name="connsiteY74" fmla="*/ 2887142 h 6069366"/>
              <a:gd name="connsiteX75" fmla="*/ 4739565 w 5133943"/>
              <a:gd name="connsiteY75" fmla="*/ 2958889 h 6069366"/>
              <a:gd name="connsiteX76" fmla="*/ 4758656 w 5133943"/>
              <a:gd name="connsiteY76" fmla="*/ 2873560 h 6069366"/>
              <a:gd name="connsiteX77" fmla="*/ 4697125 w 5133943"/>
              <a:gd name="connsiteY77" fmla="*/ 2670987 h 6069366"/>
              <a:gd name="connsiteX78" fmla="*/ 3908752 w 5133943"/>
              <a:gd name="connsiteY78" fmla="*/ 1100430 h 6069366"/>
              <a:gd name="connsiteX79" fmla="*/ 3679580 w 5133943"/>
              <a:gd name="connsiteY79" fmla="*/ 796372 h 6069366"/>
              <a:gd name="connsiteX80" fmla="*/ 3449462 w 5133943"/>
              <a:gd name="connsiteY80" fmla="*/ 744887 h 6069366"/>
              <a:gd name="connsiteX81" fmla="*/ 3505551 w 5133943"/>
              <a:gd name="connsiteY81" fmla="*/ 809344 h 6069366"/>
              <a:gd name="connsiteX82" fmla="*/ 4662086 w 5133943"/>
              <a:gd name="connsiteY82" fmla="*/ 3110914 h 6069366"/>
              <a:gd name="connsiteX83" fmla="*/ 4683689 w 5133943"/>
              <a:gd name="connsiteY83" fmla="*/ 3208631 h 6069366"/>
              <a:gd name="connsiteX84" fmla="*/ 4704689 w 5133943"/>
              <a:gd name="connsiteY84" fmla="*/ 3114769 h 6069366"/>
              <a:gd name="connsiteX85" fmla="*/ 4702212 w 5133943"/>
              <a:gd name="connsiteY85" fmla="*/ 3103573 h 6069366"/>
              <a:gd name="connsiteX86" fmla="*/ 3538962 w 5133943"/>
              <a:gd name="connsiteY86" fmla="*/ 789720 h 6069366"/>
              <a:gd name="connsiteX87" fmla="*/ 3512144 w 5133943"/>
              <a:gd name="connsiteY87" fmla="*/ 758911 h 6069366"/>
              <a:gd name="connsiteX88" fmla="*/ 3274453 w 5133943"/>
              <a:gd name="connsiteY88" fmla="*/ 705731 h 6069366"/>
              <a:gd name="connsiteX89" fmla="*/ 3408108 w 5133943"/>
              <a:gd name="connsiteY89" fmla="*/ 859049 h 6069366"/>
              <a:gd name="connsiteX90" fmla="*/ 4595085 w 5133943"/>
              <a:gd name="connsiteY90" fmla="*/ 3330228 h 6069366"/>
              <a:gd name="connsiteX91" fmla="*/ 4622538 w 5133943"/>
              <a:gd name="connsiteY91" fmla="*/ 3481952 h 6069366"/>
              <a:gd name="connsiteX92" fmla="*/ 4645211 w 5133943"/>
              <a:gd name="connsiteY92" fmla="*/ 3380614 h 6069366"/>
              <a:gd name="connsiteX93" fmla="*/ 4634909 w 5133943"/>
              <a:gd name="connsiteY93" fmla="*/ 3323698 h 6069366"/>
              <a:gd name="connsiteX94" fmla="*/ 3441426 w 5133943"/>
              <a:gd name="connsiteY94" fmla="*/ 839222 h 6069366"/>
              <a:gd name="connsiteX95" fmla="*/ 3337310 w 5133943"/>
              <a:gd name="connsiteY95" fmla="*/ 719795 h 6069366"/>
              <a:gd name="connsiteX96" fmla="*/ 3098014 w 5133943"/>
              <a:gd name="connsiteY96" fmla="*/ 666256 h 6069366"/>
              <a:gd name="connsiteX97" fmla="*/ 3310145 w 5133943"/>
              <a:gd name="connsiteY97" fmla="*/ 909131 h 6069366"/>
              <a:gd name="connsiteX98" fmla="*/ 4547575 w 5133943"/>
              <a:gd name="connsiteY98" fmla="*/ 3750353 h 6069366"/>
              <a:gd name="connsiteX99" fmla="*/ 4552198 w 5133943"/>
              <a:gd name="connsiteY99" fmla="*/ 3796345 h 6069366"/>
              <a:gd name="connsiteX100" fmla="*/ 4578210 w 5133943"/>
              <a:gd name="connsiteY100" fmla="*/ 3680078 h 6069366"/>
              <a:gd name="connsiteX101" fmla="*/ 4558469 w 5133943"/>
              <a:gd name="connsiteY101" fmla="*/ 3540270 h 6069366"/>
              <a:gd name="connsiteX102" fmla="*/ 3343332 w 5133943"/>
              <a:gd name="connsiteY102" fmla="*/ 889833 h 6069366"/>
              <a:gd name="connsiteX103" fmla="*/ 3160207 w 5133943"/>
              <a:gd name="connsiteY103" fmla="*/ 680171 h 6069366"/>
              <a:gd name="connsiteX104" fmla="*/ 2919083 w 5133943"/>
              <a:gd name="connsiteY104" fmla="*/ 626223 h 6069366"/>
              <a:gd name="connsiteX105" fmla="*/ 2930486 w 5133943"/>
              <a:gd name="connsiteY105" fmla="*/ 637595 h 6069366"/>
              <a:gd name="connsiteX106" fmla="*/ 4466510 w 5133943"/>
              <a:gd name="connsiteY106" fmla="*/ 4163303 h 6069366"/>
              <a:gd name="connsiteX107" fmla="*/ 4466814 w 5133943"/>
              <a:gd name="connsiteY107" fmla="*/ 4177976 h 6069366"/>
              <a:gd name="connsiteX108" fmla="*/ 4499113 w 5133943"/>
              <a:gd name="connsiteY108" fmla="*/ 4033611 h 6069366"/>
              <a:gd name="connsiteX109" fmla="*/ 4494369 w 5133943"/>
              <a:gd name="connsiteY109" fmla="*/ 3955982 h 6069366"/>
              <a:gd name="connsiteX110" fmla="*/ 3245479 w 5133943"/>
              <a:gd name="connsiteY110" fmla="*/ 939596 h 6069366"/>
              <a:gd name="connsiteX111" fmla="*/ 2983964 w 5133943"/>
              <a:gd name="connsiteY111" fmla="*/ 640739 h 6069366"/>
              <a:gd name="connsiteX112" fmla="*/ 2726623 w 5133943"/>
              <a:gd name="connsiteY112" fmla="*/ 583163 h 6069366"/>
              <a:gd name="connsiteX113" fmla="*/ 2836725 w 5133943"/>
              <a:gd name="connsiteY113" fmla="*/ 692755 h 6069366"/>
              <a:gd name="connsiteX114" fmla="*/ 4356547 w 5133943"/>
              <a:gd name="connsiteY114" fmla="*/ 4364198 h 6069366"/>
              <a:gd name="connsiteX115" fmla="*/ 4351205 w 5133943"/>
              <a:gd name="connsiteY115" fmla="*/ 4581938 h 6069366"/>
              <a:gd name="connsiteX116" fmla="*/ 4340042 w 5133943"/>
              <a:gd name="connsiteY116" fmla="*/ 4744596 h 6069366"/>
              <a:gd name="connsiteX117" fmla="*/ 4393520 w 5133943"/>
              <a:gd name="connsiteY117" fmla="*/ 4505569 h 6069366"/>
              <a:gd name="connsiteX118" fmla="*/ 4396999 w 5133943"/>
              <a:gd name="connsiteY118" fmla="*/ 4364038 h 6069366"/>
              <a:gd name="connsiteX119" fmla="*/ 2868614 w 5133943"/>
              <a:gd name="connsiteY119" fmla="*/ 671609 h 6069366"/>
              <a:gd name="connsiteX120" fmla="*/ 2795171 w 5133943"/>
              <a:gd name="connsiteY120" fmla="*/ 598500 h 6069366"/>
              <a:gd name="connsiteX121" fmla="*/ 2533451 w 5133943"/>
              <a:gd name="connsiteY121" fmla="*/ 539944 h 6069366"/>
              <a:gd name="connsiteX122" fmla="*/ 2742928 w 5133943"/>
              <a:gd name="connsiteY122" fmla="*/ 748053 h 6069366"/>
              <a:gd name="connsiteX123" fmla="*/ 4242415 w 5133943"/>
              <a:gd name="connsiteY123" fmla="*/ 4358936 h 6069366"/>
              <a:gd name="connsiteX124" fmla="*/ 3940179 w 5133943"/>
              <a:gd name="connsiteY124" fmla="*/ 6047522 h 6069366"/>
              <a:gd name="connsiteX125" fmla="*/ 3953568 w 5133943"/>
              <a:gd name="connsiteY125" fmla="*/ 6068807 h 6069366"/>
              <a:gd name="connsiteX126" fmla="*/ 3953568 w 5133943"/>
              <a:gd name="connsiteY126" fmla="*/ 6068728 h 6069366"/>
              <a:gd name="connsiteX127" fmla="*/ 3959549 w 5133943"/>
              <a:gd name="connsiteY127" fmla="*/ 6069366 h 6069366"/>
              <a:gd name="connsiteX128" fmla="*/ 3979014 w 5133943"/>
              <a:gd name="connsiteY128" fmla="*/ 6057408 h 6069366"/>
              <a:gd name="connsiteX129" fmla="*/ 4282864 w 5133943"/>
              <a:gd name="connsiteY129" fmla="*/ 4358857 h 6069366"/>
              <a:gd name="connsiteX130" fmla="*/ 2774854 w 5133943"/>
              <a:gd name="connsiteY130" fmla="*/ 726872 h 6069366"/>
              <a:gd name="connsiteX131" fmla="*/ 2602183 w 5133943"/>
              <a:gd name="connsiteY131" fmla="*/ 555322 h 6069366"/>
              <a:gd name="connsiteX132" fmla="*/ 2337079 w 5133943"/>
              <a:gd name="connsiteY132" fmla="*/ 496009 h 6069366"/>
              <a:gd name="connsiteX133" fmla="*/ 2356068 w 5133943"/>
              <a:gd name="connsiteY133" fmla="*/ 512484 h 6069366"/>
              <a:gd name="connsiteX134" fmla="*/ 4128187 w 5133943"/>
              <a:gd name="connsiteY134" fmla="*/ 4353835 h 6069366"/>
              <a:gd name="connsiteX135" fmla="*/ 3832218 w 5133943"/>
              <a:gd name="connsiteY135" fmla="*/ 6016111 h 6069366"/>
              <a:gd name="connsiteX136" fmla="*/ 3845606 w 5133943"/>
              <a:gd name="connsiteY136" fmla="*/ 6037478 h 6069366"/>
              <a:gd name="connsiteX137" fmla="*/ 3845986 w 5133943"/>
              <a:gd name="connsiteY137" fmla="*/ 6037558 h 6069366"/>
              <a:gd name="connsiteX138" fmla="*/ 3851968 w 5133943"/>
              <a:gd name="connsiteY138" fmla="*/ 6038274 h 6069366"/>
              <a:gd name="connsiteX139" fmla="*/ 3870958 w 5133943"/>
              <a:gd name="connsiteY139" fmla="*/ 6026316 h 6069366"/>
              <a:gd name="connsiteX140" fmla="*/ 4168446 w 5133943"/>
              <a:gd name="connsiteY140" fmla="*/ 4353835 h 6069366"/>
              <a:gd name="connsiteX141" fmla="*/ 2680904 w 5133943"/>
              <a:gd name="connsiteY141" fmla="*/ 782204 h 6069366"/>
              <a:gd name="connsiteX142" fmla="*/ 2408380 w 5133943"/>
              <a:gd name="connsiteY142" fmla="*/ 511962 h 6069366"/>
              <a:gd name="connsiteX143" fmla="*/ 2122561 w 5133943"/>
              <a:gd name="connsiteY143" fmla="*/ 448014 h 6069366"/>
              <a:gd name="connsiteX144" fmla="*/ 2266748 w 5133943"/>
              <a:gd name="connsiteY144" fmla="*/ 572862 h 6069366"/>
              <a:gd name="connsiteX145" fmla="*/ 4014147 w 5133943"/>
              <a:gd name="connsiteY145" fmla="*/ 4348652 h 6069366"/>
              <a:gd name="connsiteX146" fmla="*/ 3724160 w 5133943"/>
              <a:gd name="connsiteY146" fmla="*/ 5984782 h 6069366"/>
              <a:gd name="connsiteX147" fmla="*/ 3737645 w 5133943"/>
              <a:gd name="connsiteY147" fmla="*/ 6006067 h 6069366"/>
              <a:gd name="connsiteX148" fmla="*/ 3737930 w 5133943"/>
              <a:gd name="connsiteY148" fmla="*/ 6005668 h 6069366"/>
              <a:gd name="connsiteX149" fmla="*/ 3743912 w 5133943"/>
              <a:gd name="connsiteY149" fmla="*/ 6006386 h 6069366"/>
              <a:gd name="connsiteX150" fmla="*/ 3762902 w 5133943"/>
              <a:gd name="connsiteY150" fmla="*/ 5994428 h 6069366"/>
              <a:gd name="connsiteX151" fmla="*/ 4054503 w 5133943"/>
              <a:gd name="connsiteY151" fmla="*/ 4348652 h 6069366"/>
              <a:gd name="connsiteX152" fmla="*/ 2296524 w 5133943"/>
              <a:gd name="connsiteY152" fmla="*/ 550038 h 6069366"/>
              <a:gd name="connsiteX153" fmla="*/ 2198244 w 5133943"/>
              <a:gd name="connsiteY153" fmla="*/ 464947 h 6069366"/>
              <a:gd name="connsiteX154" fmla="*/ 1907515 w 5133943"/>
              <a:gd name="connsiteY154" fmla="*/ 399901 h 6069366"/>
              <a:gd name="connsiteX155" fmla="*/ 2177444 w 5133943"/>
              <a:gd name="connsiteY155" fmla="*/ 633114 h 6069366"/>
              <a:gd name="connsiteX156" fmla="*/ 3899919 w 5133943"/>
              <a:gd name="connsiteY156" fmla="*/ 4343470 h 6069366"/>
              <a:gd name="connsiteX157" fmla="*/ 3616105 w 5133943"/>
              <a:gd name="connsiteY157" fmla="*/ 5953850 h 6069366"/>
              <a:gd name="connsiteX158" fmla="*/ 3629777 w 5133943"/>
              <a:gd name="connsiteY158" fmla="*/ 5974816 h 6069366"/>
              <a:gd name="connsiteX159" fmla="*/ 3629873 w 5133943"/>
              <a:gd name="connsiteY159" fmla="*/ 5974897 h 6069366"/>
              <a:gd name="connsiteX160" fmla="*/ 3635664 w 5133943"/>
              <a:gd name="connsiteY160" fmla="*/ 5975533 h 6069366"/>
              <a:gd name="connsiteX161" fmla="*/ 3655130 w 5133943"/>
              <a:gd name="connsiteY161" fmla="*/ 5963496 h 6069366"/>
              <a:gd name="connsiteX162" fmla="*/ 3940559 w 5133943"/>
              <a:gd name="connsiteY162" fmla="*/ 4343549 h 6069366"/>
              <a:gd name="connsiteX163" fmla="*/ 2207193 w 5133943"/>
              <a:gd name="connsiteY163" fmla="*/ 610315 h 6069366"/>
              <a:gd name="connsiteX164" fmla="*/ 1983264 w 5133943"/>
              <a:gd name="connsiteY164" fmla="*/ 416849 h 6069366"/>
              <a:gd name="connsiteX165" fmla="*/ 1672141 w 5133943"/>
              <a:gd name="connsiteY165" fmla="*/ 347240 h 6069366"/>
              <a:gd name="connsiteX166" fmla="*/ 1786591 w 5133943"/>
              <a:gd name="connsiteY166" fmla="*/ 433587 h 6069366"/>
              <a:gd name="connsiteX167" fmla="*/ 3785691 w 5133943"/>
              <a:gd name="connsiteY167" fmla="*/ 4338608 h 6069366"/>
              <a:gd name="connsiteX168" fmla="*/ 3508049 w 5133943"/>
              <a:gd name="connsiteY168" fmla="*/ 5922998 h 6069366"/>
              <a:gd name="connsiteX169" fmla="*/ 3521721 w 5133943"/>
              <a:gd name="connsiteY169" fmla="*/ 5943645 h 6069366"/>
              <a:gd name="connsiteX170" fmla="*/ 3522101 w 5133943"/>
              <a:gd name="connsiteY170" fmla="*/ 5943645 h 6069366"/>
              <a:gd name="connsiteX171" fmla="*/ 3527893 w 5133943"/>
              <a:gd name="connsiteY171" fmla="*/ 5944362 h 6069366"/>
              <a:gd name="connsiteX172" fmla="*/ 3547358 w 5133943"/>
              <a:gd name="connsiteY172" fmla="*/ 5932244 h 6069366"/>
              <a:gd name="connsiteX173" fmla="*/ 3826615 w 5133943"/>
              <a:gd name="connsiteY173" fmla="*/ 4338528 h 6069366"/>
              <a:gd name="connsiteX174" fmla="*/ 1814788 w 5133943"/>
              <a:gd name="connsiteY174" fmla="*/ 409108 h 6069366"/>
              <a:gd name="connsiteX175" fmla="*/ 1758338 w 5133943"/>
              <a:gd name="connsiteY175" fmla="*/ 366525 h 6069366"/>
              <a:gd name="connsiteX176" fmla="*/ 1428941 w 5133943"/>
              <a:gd name="connsiteY176" fmla="*/ 292828 h 6069366"/>
              <a:gd name="connsiteX177" fmla="*/ 1702404 w 5133943"/>
              <a:gd name="connsiteY177" fmla="*/ 498680 h 6069366"/>
              <a:gd name="connsiteX178" fmla="*/ 3671653 w 5133943"/>
              <a:gd name="connsiteY178" fmla="*/ 4333425 h 6069366"/>
              <a:gd name="connsiteX179" fmla="*/ 3400086 w 5133943"/>
              <a:gd name="connsiteY179" fmla="*/ 5891189 h 6069366"/>
              <a:gd name="connsiteX180" fmla="*/ 3413665 w 5133943"/>
              <a:gd name="connsiteY180" fmla="*/ 5912394 h 6069366"/>
              <a:gd name="connsiteX181" fmla="*/ 3413665 w 5133943"/>
              <a:gd name="connsiteY181" fmla="*/ 5912234 h 6069366"/>
              <a:gd name="connsiteX182" fmla="*/ 3419551 w 5133943"/>
              <a:gd name="connsiteY182" fmla="*/ 5912952 h 6069366"/>
              <a:gd name="connsiteX183" fmla="*/ 3438542 w 5133943"/>
              <a:gd name="connsiteY183" fmla="*/ 5900834 h 6069366"/>
              <a:gd name="connsiteX184" fmla="*/ 3711723 w 5133943"/>
              <a:gd name="connsiteY184" fmla="*/ 4333027 h 6069366"/>
              <a:gd name="connsiteX185" fmla="*/ 1730103 w 5133943"/>
              <a:gd name="connsiteY185" fmla="*/ 474045 h 6069366"/>
              <a:gd name="connsiteX186" fmla="*/ 1514948 w 5133943"/>
              <a:gd name="connsiteY186" fmla="*/ 312071 h 6069366"/>
              <a:gd name="connsiteX187" fmla="*/ 1157413 w 5133943"/>
              <a:gd name="connsiteY187" fmla="*/ 232078 h 6069366"/>
              <a:gd name="connsiteX188" fmla="*/ 1305917 w 5133943"/>
              <a:gd name="connsiteY188" fmla="*/ 329402 h 6069366"/>
              <a:gd name="connsiteX189" fmla="*/ 3557328 w 5133943"/>
              <a:gd name="connsiteY189" fmla="*/ 4328244 h 6069366"/>
              <a:gd name="connsiteX190" fmla="*/ 3292030 w 5133943"/>
              <a:gd name="connsiteY190" fmla="*/ 5860016 h 6069366"/>
              <a:gd name="connsiteX191" fmla="*/ 3305703 w 5133943"/>
              <a:gd name="connsiteY191" fmla="*/ 5881143 h 6069366"/>
              <a:gd name="connsiteX192" fmla="*/ 3305798 w 5133943"/>
              <a:gd name="connsiteY192" fmla="*/ 5881303 h 6069366"/>
              <a:gd name="connsiteX193" fmla="*/ 3311780 w 5133943"/>
              <a:gd name="connsiteY193" fmla="*/ 5881941 h 6069366"/>
              <a:gd name="connsiteX194" fmla="*/ 3330771 w 5133943"/>
              <a:gd name="connsiteY194" fmla="*/ 5869822 h 6069366"/>
              <a:gd name="connsiteX195" fmla="*/ 3597779 w 5133943"/>
              <a:gd name="connsiteY195" fmla="*/ 4328244 h 6069366"/>
              <a:gd name="connsiteX196" fmla="*/ 1331803 w 5133943"/>
              <a:gd name="connsiteY196" fmla="*/ 303354 h 6069366"/>
              <a:gd name="connsiteX197" fmla="*/ 1257054 w 5133943"/>
              <a:gd name="connsiteY197" fmla="*/ 254371 h 6069366"/>
              <a:gd name="connsiteX198" fmla="*/ 867771 w 5133943"/>
              <a:gd name="connsiteY198" fmla="*/ 167275 h 6069366"/>
              <a:gd name="connsiteX199" fmla="*/ 900687 w 5133943"/>
              <a:gd name="connsiteY199" fmla="*/ 185947 h 6069366"/>
              <a:gd name="connsiteX200" fmla="*/ 3443480 w 5133943"/>
              <a:gd name="connsiteY200" fmla="*/ 4323221 h 6069366"/>
              <a:gd name="connsiteX201" fmla="*/ 3184068 w 5133943"/>
              <a:gd name="connsiteY201" fmla="*/ 5828845 h 6069366"/>
              <a:gd name="connsiteX202" fmla="*/ 3184021 w 5133943"/>
              <a:gd name="connsiteY202" fmla="*/ 5829005 h 6069366"/>
              <a:gd name="connsiteX203" fmla="*/ 3185657 w 5133943"/>
              <a:gd name="connsiteY203" fmla="*/ 5841850 h 6069366"/>
              <a:gd name="connsiteX204" fmla="*/ 3197636 w 5133943"/>
              <a:gd name="connsiteY204" fmla="*/ 5849964 h 6069366"/>
              <a:gd name="connsiteX205" fmla="*/ 3212954 w 5133943"/>
              <a:gd name="connsiteY205" fmla="*/ 5848537 h 6069366"/>
              <a:gd name="connsiteX206" fmla="*/ 3222810 w 5133943"/>
              <a:gd name="connsiteY206" fmla="*/ 5838491 h 6069366"/>
              <a:gd name="connsiteX207" fmla="*/ 3483835 w 5133943"/>
              <a:gd name="connsiteY207" fmla="*/ 4322982 h 6069366"/>
              <a:gd name="connsiteX208" fmla="*/ 1252675 w 5133943"/>
              <a:gd name="connsiteY208" fmla="*/ 373199 h 6069366"/>
              <a:gd name="connsiteX209" fmla="*/ 974061 w 5133943"/>
              <a:gd name="connsiteY209" fmla="*/ 191056 h 6069366"/>
              <a:gd name="connsiteX210" fmla="*/ 529708 w 5133943"/>
              <a:gd name="connsiteY210" fmla="*/ 91639 h 6069366"/>
              <a:gd name="connsiteX211" fmla="*/ 827385 w 5133943"/>
              <a:gd name="connsiteY211" fmla="*/ 260046 h 6069366"/>
              <a:gd name="connsiteX212" fmla="*/ 3329252 w 5133943"/>
              <a:gd name="connsiteY212" fmla="*/ 4318278 h 6069366"/>
              <a:gd name="connsiteX213" fmla="*/ 3076012 w 5133943"/>
              <a:gd name="connsiteY213" fmla="*/ 5797673 h 6069366"/>
              <a:gd name="connsiteX214" fmla="*/ 3075983 w 5133943"/>
              <a:gd name="connsiteY214" fmla="*/ 5797753 h 6069366"/>
              <a:gd name="connsiteX215" fmla="*/ 3089590 w 5133943"/>
              <a:gd name="connsiteY215" fmla="*/ 5818879 h 6069366"/>
              <a:gd name="connsiteX216" fmla="*/ 3095477 w 5133943"/>
              <a:gd name="connsiteY216" fmla="*/ 5819518 h 6069366"/>
              <a:gd name="connsiteX217" fmla="*/ 3114468 w 5133943"/>
              <a:gd name="connsiteY217" fmla="*/ 5807481 h 6069366"/>
              <a:gd name="connsiteX218" fmla="*/ 3369986 w 5133943"/>
              <a:gd name="connsiteY218" fmla="*/ 4317960 h 6069366"/>
              <a:gd name="connsiteX219" fmla="*/ 851086 w 5133943"/>
              <a:gd name="connsiteY219" fmla="*/ 232626 h 6069366"/>
              <a:gd name="connsiteX220" fmla="*/ 649022 w 5133943"/>
              <a:gd name="connsiteY220" fmla="*/ 118334 h 6069366"/>
              <a:gd name="connsiteX221" fmla="*/ 120118 w 5133943"/>
              <a:gd name="connsiteY221" fmla="*/ 0 h 6069366"/>
              <a:gd name="connsiteX222" fmla="*/ 421140 w 5133943"/>
              <a:gd name="connsiteY222" fmla="*/ 146035 h 6069366"/>
              <a:gd name="connsiteX223" fmla="*/ 3214834 w 5133943"/>
              <a:gd name="connsiteY223" fmla="*/ 4313096 h 6069366"/>
              <a:gd name="connsiteX224" fmla="*/ 2967955 w 5133943"/>
              <a:gd name="connsiteY224" fmla="*/ 5766424 h 6069366"/>
              <a:gd name="connsiteX225" fmla="*/ 2981534 w 5133943"/>
              <a:gd name="connsiteY225" fmla="*/ 5787630 h 6069366"/>
              <a:gd name="connsiteX226" fmla="*/ 2981913 w 5133943"/>
              <a:gd name="connsiteY226" fmla="*/ 5787630 h 6069366"/>
              <a:gd name="connsiteX227" fmla="*/ 2987706 w 5133943"/>
              <a:gd name="connsiteY227" fmla="*/ 5788348 h 6069366"/>
              <a:gd name="connsiteX228" fmla="*/ 3006697 w 5133943"/>
              <a:gd name="connsiteY228" fmla="*/ 5776229 h 6069366"/>
              <a:gd name="connsiteX229" fmla="*/ 3255473 w 5133943"/>
              <a:gd name="connsiteY229" fmla="*/ 4312857 h 6069366"/>
              <a:gd name="connsiteX230" fmla="*/ 442544 w 5133943"/>
              <a:gd name="connsiteY230" fmla="*/ 117290 h 6069366"/>
              <a:gd name="connsiteX231" fmla="*/ 269769 w 5133943"/>
              <a:gd name="connsiteY231" fmla="*/ 33482 h 6069366"/>
              <a:gd name="connsiteX232" fmla="*/ 2383 w 5133943"/>
              <a:gd name="connsiteY232" fmla="*/ 35228 h 6069366"/>
              <a:gd name="connsiteX233" fmla="*/ 10644 w 5133943"/>
              <a:gd name="connsiteY233" fmla="*/ 58108 h 6069366"/>
              <a:gd name="connsiteX234" fmla="*/ 3100889 w 5133943"/>
              <a:gd name="connsiteY234" fmla="*/ 4308233 h 6069366"/>
              <a:gd name="connsiteX235" fmla="*/ 2859994 w 5133943"/>
              <a:gd name="connsiteY235" fmla="*/ 5735252 h 6069366"/>
              <a:gd name="connsiteX236" fmla="*/ 2859947 w 5133943"/>
              <a:gd name="connsiteY236" fmla="*/ 5735412 h 6069366"/>
              <a:gd name="connsiteX237" fmla="*/ 2873573 w 5133943"/>
              <a:gd name="connsiteY237" fmla="*/ 5756378 h 6069366"/>
              <a:gd name="connsiteX238" fmla="*/ 2873477 w 5133943"/>
              <a:gd name="connsiteY238" fmla="*/ 5756378 h 6069366"/>
              <a:gd name="connsiteX239" fmla="*/ 2879744 w 5133943"/>
              <a:gd name="connsiteY239" fmla="*/ 5757095 h 6069366"/>
              <a:gd name="connsiteX240" fmla="*/ 2898735 w 5133943"/>
              <a:gd name="connsiteY240" fmla="*/ 5744978 h 6069366"/>
              <a:gd name="connsiteX241" fmla="*/ 3141245 w 5133943"/>
              <a:gd name="connsiteY241" fmla="*/ 4307676 h 6069366"/>
              <a:gd name="connsiteX242" fmla="*/ 29635 w 5133943"/>
              <a:gd name="connsiteY242" fmla="*/ 28293 h 6069366"/>
              <a:gd name="connsiteX243" fmla="*/ 2383 w 5133943"/>
              <a:gd name="connsiteY243" fmla="*/ 35228 h 60693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Lst>
            <a:rect l="l" t="t" r="r" b="b"/>
            <a:pathLst>
              <a:path w="5133943" h="6069366">
                <a:moveTo>
                  <a:pt x="5031058" y="1098743"/>
                </a:moveTo>
                <a:lnTo>
                  <a:pt x="5058388" y="1141575"/>
                </a:lnTo>
                <a:lnTo>
                  <a:pt x="5121233" y="1252988"/>
                </a:lnTo>
                <a:lnTo>
                  <a:pt x="5133943" y="1196177"/>
                </a:lnTo>
                <a:lnTo>
                  <a:pt x="5094752" y="1126698"/>
                </a:lnTo>
                <a:lnTo>
                  <a:pt x="5084552" y="1110712"/>
                </a:lnTo>
                <a:close/>
                <a:moveTo>
                  <a:pt x="4880213" y="1064994"/>
                </a:moveTo>
                <a:lnTo>
                  <a:pt x="4953786" y="1180112"/>
                </a:lnTo>
                <a:cubicBezTo>
                  <a:pt x="4995582" y="1251030"/>
                  <a:pt x="5035993" y="1322544"/>
                  <a:pt x="5075000" y="1394626"/>
                </a:cubicBezTo>
                <a:lnTo>
                  <a:pt x="5085154" y="1414244"/>
                </a:lnTo>
                <a:lnTo>
                  <a:pt x="5098138" y="1356213"/>
                </a:lnTo>
                <a:lnTo>
                  <a:pt x="4990208" y="1165187"/>
                </a:lnTo>
                <a:lnTo>
                  <a:pt x="4933848" y="1076994"/>
                </a:lnTo>
                <a:close/>
                <a:moveTo>
                  <a:pt x="4728152" y="1030973"/>
                </a:moveTo>
                <a:lnTo>
                  <a:pt x="4848647" y="1219268"/>
                </a:lnTo>
                <a:cubicBezTo>
                  <a:pt x="4889933" y="1289226"/>
                  <a:pt x="4929853" y="1359773"/>
                  <a:pt x="4968389" y="1430881"/>
                </a:cubicBezTo>
                <a:lnTo>
                  <a:pt x="5047350" y="1583213"/>
                </a:lnTo>
                <a:lnTo>
                  <a:pt x="5060699" y="1523548"/>
                </a:lnTo>
                <a:lnTo>
                  <a:pt x="5005134" y="1416372"/>
                </a:lnTo>
                <a:cubicBezTo>
                  <a:pt x="4966410" y="1344929"/>
                  <a:pt x="4926293" y="1274049"/>
                  <a:pt x="4884805" y="1203762"/>
                </a:cubicBezTo>
                <a:lnTo>
                  <a:pt x="4781910" y="1043001"/>
                </a:lnTo>
                <a:close/>
                <a:moveTo>
                  <a:pt x="4576754" y="997100"/>
                </a:moveTo>
                <a:lnTo>
                  <a:pt x="4743928" y="1257906"/>
                </a:lnTo>
                <a:cubicBezTo>
                  <a:pt x="4825498" y="1395885"/>
                  <a:pt x="4901682" y="1536191"/>
                  <a:pt x="4972325" y="1678600"/>
                </a:cubicBezTo>
                <a:lnTo>
                  <a:pt x="5008772" y="1755641"/>
                </a:lnTo>
                <a:lnTo>
                  <a:pt x="5022861" y="1692669"/>
                </a:lnTo>
                <a:lnTo>
                  <a:pt x="5009957" y="1665398"/>
                </a:lnTo>
                <a:cubicBezTo>
                  <a:pt x="4938960" y="1522301"/>
                  <a:pt x="4862395" y="1381317"/>
                  <a:pt x="4780419" y="1242673"/>
                </a:cubicBezTo>
                <a:lnTo>
                  <a:pt x="4630727" y="1009176"/>
                </a:lnTo>
                <a:close/>
                <a:moveTo>
                  <a:pt x="4425138" y="963179"/>
                </a:moveTo>
                <a:lnTo>
                  <a:pt x="4639230" y="1296604"/>
                </a:lnTo>
                <a:cubicBezTo>
                  <a:pt x="4760087" y="1500671"/>
                  <a:pt x="4868997" y="1709911"/>
                  <a:pt x="4965439" y="1923575"/>
                </a:cubicBezTo>
                <a:lnTo>
                  <a:pt x="4969225" y="1932401"/>
                </a:lnTo>
                <a:lnTo>
                  <a:pt x="4983385" y="1869109"/>
                </a:lnTo>
                <a:lnTo>
                  <a:pt x="4902279" y="1698059"/>
                </a:lnTo>
                <a:cubicBezTo>
                  <a:pt x="4832124" y="1556947"/>
                  <a:pt x="4756477" y="1417922"/>
                  <a:pt x="4675495" y="1281207"/>
                </a:cubicBezTo>
                <a:lnTo>
                  <a:pt x="4478996" y="975228"/>
                </a:lnTo>
                <a:close/>
                <a:moveTo>
                  <a:pt x="3197552" y="5849972"/>
                </a:moveTo>
                <a:lnTo>
                  <a:pt x="3197647" y="5849972"/>
                </a:lnTo>
                <a:lnTo>
                  <a:pt x="3197636" y="5849964"/>
                </a:lnTo>
                <a:close/>
                <a:moveTo>
                  <a:pt x="4272032" y="928924"/>
                </a:moveTo>
                <a:lnTo>
                  <a:pt x="4280147" y="939762"/>
                </a:lnTo>
                <a:cubicBezTo>
                  <a:pt x="4504879" y="1263120"/>
                  <a:pt x="4697846" y="1602039"/>
                  <a:pt x="4856672" y="1953097"/>
                </a:cubicBezTo>
                <a:lnTo>
                  <a:pt x="4927657" y="2118193"/>
                </a:lnTo>
                <a:lnTo>
                  <a:pt x="4942297" y="2052759"/>
                </a:lnTo>
                <a:lnTo>
                  <a:pt x="4894312" y="1941142"/>
                </a:lnTo>
                <a:cubicBezTo>
                  <a:pt x="4798552" y="1729453"/>
                  <a:pt x="4690439" y="1522155"/>
                  <a:pt x="4570491" y="1319990"/>
                </a:cubicBezTo>
                <a:lnTo>
                  <a:pt x="4326838" y="941186"/>
                </a:lnTo>
                <a:close/>
                <a:moveTo>
                  <a:pt x="4110086" y="892691"/>
                </a:moveTo>
                <a:lnTo>
                  <a:pt x="4178673" y="984149"/>
                </a:lnTo>
                <a:cubicBezTo>
                  <a:pt x="4444881" y="1366551"/>
                  <a:pt x="4666019" y="1771070"/>
                  <a:pt x="4838029" y="2191879"/>
                </a:cubicBezTo>
                <a:lnTo>
                  <a:pt x="4884366" y="2311685"/>
                </a:lnTo>
                <a:lnTo>
                  <a:pt x="4899847" y="2242494"/>
                </a:lnTo>
                <a:lnTo>
                  <a:pt x="4876052" y="2180965"/>
                </a:lnTo>
                <a:cubicBezTo>
                  <a:pt x="4703182" y="1758017"/>
                  <a:pt x="4480936" y="1351440"/>
                  <a:pt x="4213392" y="967091"/>
                </a:cubicBezTo>
                <a:lnTo>
                  <a:pt x="4167181" y="905465"/>
                </a:lnTo>
                <a:close/>
                <a:moveTo>
                  <a:pt x="3947896" y="856403"/>
                </a:moveTo>
                <a:lnTo>
                  <a:pt x="4077346" y="1028744"/>
                </a:lnTo>
                <a:cubicBezTo>
                  <a:pt x="4383886" y="1468348"/>
                  <a:pt x="4629977" y="1937665"/>
                  <a:pt x="4809260" y="2427578"/>
                </a:cubicBezTo>
                <a:lnTo>
                  <a:pt x="4839070" y="2514143"/>
                </a:lnTo>
                <a:lnTo>
                  <a:pt x="4855485" y="2440772"/>
                </a:lnTo>
                <a:lnTo>
                  <a:pt x="4847450" y="2417441"/>
                </a:lnTo>
                <a:cubicBezTo>
                  <a:pt x="4667222" y="1925013"/>
                  <a:pt x="4419846" y="1453288"/>
                  <a:pt x="4111712" y="1011429"/>
                </a:cubicBezTo>
                <a:lnTo>
                  <a:pt x="4004827" y="869141"/>
                </a:lnTo>
                <a:close/>
                <a:moveTo>
                  <a:pt x="3785491" y="820068"/>
                </a:moveTo>
                <a:lnTo>
                  <a:pt x="3975989" y="1073264"/>
                </a:lnTo>
                <a:cubicBezTo>
                  <a:pt x="4321662" y="1568137"/>
                  <a:pt x="4589576" y="2101299"/>
                  <a:pt x="4770368" y="2659344"/>
                </a:cubicBezTo>
                <a:lnTo>
                  <a:pt x="4791192" y="2728135"/>
                </a:lnTo>
                <a:lnTo>
                  <a:pt x="4808689" y="2649930"/>
                </a:lnTo>
                <a:lnTo>
                  <a:pt x="4736605" y="2441212"/>
                </a:lnTo>
                <a:cubicBezTo>
                  <a:pt x="4558558" y="1956032"/>
                  <a:pt x="4314360" y="1491293"/>
                  <a:pt x="4010314" y="1056023"/>
                </a:cubicBezTo>
                <a:lnTo>
                  <a:pt x="3842356" y="832790"/>
                </a:lnTo>
                <a:close/>
                <a:moveTo>
                  <a:pt x="3621808" y="783446"/>
                </a:moveTo>
                <a:lnTo>
                  <a:pt x="3873677" y="1117636"/>
                </a:lnTo>
                <a:cubicBezTo>
                  <a:pt x="4257348" y="1665930"/>
                  <a:pt x="4544103" y="2262029"/>
                  <a:pt x="4720790" y="2887142"/>
                </a:cubicBezTo>
                <a:lnTo>
                  <a:pt x="4739565" y="2958889"/>
                </a:lnTo>
                <a:lnTo>
                  <a:pt x="4758656" y="2873560"/>
                </a:lnTo>
                <a:lnTo>
                  <a:pt x="4697125" y="2670987"/>
                </a:lnTo>
                <a:cubicBezTo>
                  <a:pt x="4517513" y="2118337"/>
                  <a:pt x="4251626" y="1590395"/>
                  <a:pt x="3908752" y="1100430"/>
                </a:cubicBezTo>
                <a:lnTo>
                  <a:pt x="3679580" y="796372"/>
                </a:lnTo>
                <a:close/>
                <a:moveTo>
                  <a:pt x="3449462" y="744887"/>
                </a:moveTo>
                <a:lnTo>
                  <a:pt x="3505551" y="809344"/>
                </a:lnTo>
                <a:cubicBezTo>
                  <a:pt x="4065841" y="1500013"/>
                  <a:pt x="4461602" y="2281824"/>
                  <a:pt x="4662086" y="3110914"/>
                </a:cubicBezTo>
                <a:lnTo>
                  <a:pt x="4683689" y="3208631"/>
                </a:lnTo>
                <a:lnTo>
                  <a:pt x="4704689" y="3114769"/>
                </a:lnTo>
                <a:lnTo>
                  <a:pt x="4702212" y="3103573"/>
                </a:lnTo>
                <a:cubicBezTo>
                  <a:pt x="4500470" y="2270029"/>
                  <a:pt x="4102414" y="1484047"/>
                  <a:pt x="3538962" y="789720"/>
                </a:cubicBezTo>
                <a:lnTo>
                  <a:pt x="3512144" y="758911"/>
                </a:lnTo>
                <a:close/>
                <a:moveTo>
                  <a:pt x="3274453" y="705731"/>
                </a:moveTo>
                <a:lnTo>
                  <a:pt x="3408108" y="859049"/>
                </a:lnTo>
                <a:cubicBezTo>
                  <a:pt x="4006711" y="1595578"/>
                  <a:pt x="4415225" y="2437607"/>
                  <a:pt x="4595085" y="3330228"/>
                </a:cubicBezTo>
                <a:lnTo>
                  <a:pt x="4622538" y="3481952"/>
                </a:lnTo>
                <a:lnTo>
                  <a:pt x="4645211" y="3380614"/>
                </a:lnTo>
                <a:lnTo>
                  <a:pt x="4634909" y="3323698"/>
                </a:lnTo>
                <a:cubicBezTo>
                  <a:pt x="4454028" y="2426270"/>
                  <a:pt x="4043278" y="1579713"/>
                  <a:pt x="3441426" y="839222"/>
                </a:cubicBezTo>
                <a:lnTo>
                  <a:pt x="3337310" y="719795"/>
                </a:lnTo>
                <a:close/>
                <a:moveTo>
                  <a:pt x="3098014" y="666256"/>
                </a:moveTo>
                <a:lnTo>
                  <a:pt x="3310145" y="909131"/>
                </a:lnTo>
                <a:cubicBezTo>
                  <a:pt x="3991129" y="1745386"/>
                  <a:pt x="4423080" y="2720128"/>
                  <a:pt x="4547575" y="3750353"/>
                </a:cubicBezTo>
                <a:lnTo>
                  <a:pt x="4552198" y="3796345"/>
                </a:lnTo>
                <a:lnTo>
                  <a:pt x="4578210" y="3680078"/>
                </a:lnTo>
                <a:lnTo>
                  <a:pt x="4558469" y="3540270"/>
                </a:lnTo>
                <a:cubicBezTo>
                  <a:pt x="4403386" y="2580726"/>
                  <a:pt x="3982421" y="1674629"/>
                  <a:pt x="3343332" y="889833"/>
                </a:cubicBezTo>
                <a:lnTo>
                  <a:pt x="3160207" y="680171"/>
                </a:lnTo>
                <a:close/>
                <a:moveTo>
                  <a:pt x="2919083" y="626223"/>
                </a:moveTo>
                <a:lnTo>
                  <a:pt x="2930486" y="637595"/>
                </a:lnTo>
                <a:cubicBezTo>
                  <a:pt x="3862172" y="1631680"/>
                  <a:pt x="4413183" y="2862212"/>
                  <a:pt x="4466510" y="4163303"/>
                </a:cubicBezTo>
                <a:lnTo>
                  <a:pt x="4466814" y="4177976"/>
                </a:lnTo>
                <a:lnTo>
                  <a:pt x="4499113" y="4033611"/>
                </a:lnTo>
                <a:lnTo>
                  <a:pt x="4494369" y="3955982"/>
                </a:lnTo>
                <a:cubicBezTo>
                  <a:pt x="4405227" y="2860773"/>
                  <a:pt x="3965503" y="1822096"/>
                  <a:pt x="3245479" y="939596"/>
                </a:cubicBezTo>
                <a:lnTo>
                  <a:pt x="2983964" y="640739"/>
                </a:lnTo>
                <a:close/>
                <a:moveTo>
                  <a:pt x="2726623" y="583163"/>
                </a:moveTo>
                <a:lnTo>
                  <a:pt x="2836725" y="692755"/>
                </a:lnTo>
                <a:cubicBezTo>
                  <a:pt x="3803007" y="1721856"/>
                  <a:pt x="4354453" y="3009108"/>
                  <a:pt x="4356547" y="4364198"/>
                </a:cubicBezTo>
                <a:cubicBezTo>
                  <a:pt x="4356364" y="4436843"/>
                  <a:pt x="4354581" y="4509435"/>
                  <a:pt x="4351205" y="4581938"/>
                </a:cubicBezTo>
                <a:lnTo>
                  <a:pt x="4340042" y="4744596"/>
                </a:lnTo>
                <a:lnTo>
                  <a:pt x="4393520" y="4505569"/>
                </a:lnTo>
                <a:lnTo>
                  <a:pt x="4396999" y="4364038"/>
                </a:lnTo>
                <a:cubicBezTo>
                  <a:pt x="4394915" y="3001220"/>
                  <a:pt x="3840365" y="1706614"/>
                  <a:pt x="2868614" y="671609"/>
                </a:cubicBezTo>
                <a:lnTo>
                  <a:pt x="2795171" y="598500"/>
                </a:lnTo>
                <a:close/>
                <a:moveTo>
                  <a:pt x="2533451" y="539944"/>
                </a:moveTo>
                <a:lnTo>
                  <a:pt x="2742928" y="748053"/>
                </a:lnTo>
                <a:cubicBezTo>
                  <a:pt x="3694737" y="1759768"/>
                  <a:pt x="4238741" y="3025760"/>
                  <a:pt x="4242415" y="4358936"/>
                </a:cubicBezTo>
                <a:cubicBezTo>
                  <a:pt x="4241551" y="4931243"/>
                  <a:pt x="4139694" y="5500312"/>
                  <a:pt x="3940179" y="6047522"/>
                </a:cubicBezTo>
                <a:cubicBezTo>
                  <a:pt x="3936961" y="6056531"/>
                  <a:pt x="3942923" y="6066018"/>
                  <a:pt x="3953568" y="6068807"/>
                </a:cubicBezTo>
                <a:lnTo>
                  <a:pt x="3953568" y="6068728"/>
                </a:lnTo>
                <a:cubicBezTo>
                  <a:pt x="3955524" y="6069127"/>
                  <a:pt x="3957536" y="6069366"/>
                  <a:pt x="3959549" y="6069366"/>
                </a:cubicBezTo>
                <a:cubicBezTo>
                  <a:pt x="3968456" y="6069366"/>
                  <a:pt x="3976347" y="6064583"/>
                  <a:pt x="3979014" y="6057408"/>
                </a:cubicBezTo>
                <a:cubicBezTo>
                  <a:pt x="4179537" y="5506928"/>
                  <a:pt x="4281934" y="4934527"/>
                  <a:pt x="4282864" y="4358857"/>
                </a:cubicBezTo>
                <a:cubicBezTo>
                  <a:pt x="4279286" y="3017903"/>
                  <a:pt x="3732179" y="1744503"/>
                  <a:pt x="2774854" y="726872"/>
                </a:cubicBezTo>
                <a:lnTo>
                  <a:pt x="2602183" y="555322"/>
                </a:lnTo>
                <a:close/>
                <a:moveTo>
                  <a:pt x="2337079" y="496009"/>
                </a:moveTo>
                <a:lnTo>
                  <a:pt x="2356068" y="512484"/>
                </a:lnTo>
                <a:cubicBezTo>
                  <a:pt x="3473980" y="1549224"/>
                  <a:pt x="4122625" y="2911291"/>
                  <a:pt x="4128187" y="4353835"/>
                </a:cubicBezTo>
                <a:cubicBezTo>
                  <a:pt x="4127967" y="4917164"/>
                  <a:pt x="4028229" y="5477352"/>
                  <a:pt x="3832218" y="6016111"/>
                </a:cubicBezTo>
                <a:cubicBezTo>
                  <a:pt x="3828932" y="6025121"/>
                  <a:pt x="3834915" y="6034687"/>
                  <a:pt x="3845606" y="6037478"/>
                </a:cubicBezTo>
                <a:lnTo>
                  <a:pt x="3845986" y="6037558"/>
                </a:lnTo>
                <a:cubicBezTo>
                  <a:pt x="3847951" y="6037955"/>
                  <a:pt x="3849955" y="6038194"/>
                  <a:pt x="3851968" y="6038274"/>
                </a:cubicBezTo>
                <a:cubicBezTo>
                  <a:pt x="3860704" y="6038115"/>
                  <a:pt x="3868347" y="6033332"/>
                  <a:pt x="3870958" y="6026316"/>
                </a:cubicBezTo>
                <a:cubicBezTo>
                  <a:pt x="4067996" y="5484209"/>
                  <a:pt x="4168246" y="4920609"/>
                  <a:pt x="4168446" y="4353835"/>
                </a:cubicBezTo>
                <a:cubicBezTo>
                  <a:pt x="4163378" y="3034733"/>
                  <a:pt x="3623754" y="1782518"/>
                  <a:pt x="2680904" y="782204"/>
                </a:cubicBezTo>
                <a:lnTo>
                  <a:pt x="2408380" y="511962"/>
                </a:lnTo>
                <a:close/>
                <a:moveTo>
                  <a:pt x="2122561" y="448014"/>
                </a:moveTo>
                <a:lnTo>
                  <a:pt x="2266748" y="572862"/>
                </a:lnTo>
                <a:cubicBezTo>
                  <a:pt x="3367240" y="1591399"/>
                  <a:pt x="4006758" y="2930171"/>
                  <a:pt x="4014147" y="4348652"/>
                </a:cubicBezTo>
                <a:cubicBezTo>
                  <a:pt x="4014452" y="4903069"/>
                  <a:pt x="3916716" y="5454457"/>
                  <a:pt x="3724160" y="5984782"/>
                </a:cubicBezTo>
                <a:cubicBezTo>
                  <a:pt x="3720894" y="5993790"/>
                  <a:pt x="3726925" y="6003277"/>
                  <a:pt x="3737645" y="6006067"/>
                </a:cubicBezTo>
                <a:lnTo>
                  <a:pt x="3737930" y="6005668"/>
                </a:lnTo>
                <a:cubicBezTo>
                  <a:pt x="3739876" y="6006146"/>
                  <a:pt x="3741889" y="6006386"/>
                  <a:pt x="3743912" y="6006386"/>
                </a:cubicBezTo>
                <a:cubicBezTo>
                  <a:pt x="3752647" y="6006226"/>
                  <a:pt x="3760291" y="6001443"/>
                  <a:pt x="3762902" y="5994428"/>
                </a:cubicBezTo>
                <a:cubicBezTo>
                  <a:pt x="3956464" y="5460953"/>
                  <a:pt x="4054730" y="4906329"/>
                  <a:pt x="4054503" y="4348652"/>
                </a:cubicBezTo>
                <a:cubicBezTo>
                  <a:pt x="4047119" y="2921582"/>
                  <a:pt x="3403717" y="1574705"/>
                  <a:pt x="2296524" y="550038"/>
                </a:cubicBezTo>
                <a:lnTo>
                  <a:pt x="2198244" y="464947"/>
                </a:lnTo>
                <a:close/>
                <a:moveTo>
                  <a:pt x="1907515" y="399901"/>
                </a:moveTo>
                <a:lnTo>
                  <a:pt x="2177444" y="633114"/>
                </a:lnTo>
                <a:cubicBezTo>
                  <a:pt x="3260614" y="1633423"/>
                  <a:pt x="3890969" y="2948995"/>
                  <a:pt x="3899919" y="4343470"/>
                </a:cubicBezTo>
                <a:cubicBezTo>
                  <a:pt x="3900793" y="4889101"/>
                  <a:pt x="3805137" y="5431815"/>
                  <a:pt x="3616105" y="5953850"/>
                </a:cubicBezTo>
                <a:cubicBezTo>
                  <a:pt x="3612981" y="5962778"/>
                  <a:pt x="3619105" y="5972184"/>
                  <a:pt x="3629777" y="5974816"/>
                </a:cubicBezTo>
                <a:lnTo>
                  <a:pt x="3629873" y="5974897"/>
                </a:lnTo>
                <a:cubicBezTo>
                  <a:pt x="3631762" y="5975294"/>
                  <a:pt x="3633709" y="5975533"/>
                  <a:pt x="3635664" y="5975533"/>
                </a:cubicBezTo>
                <a:cubicBezTo>
                  <a:pt x="3644591" y="5975533"/>
                  <a:pt x="3652472" y="5970671"/>
                  <a:pt x="3655130" y="5963496"/>
                </a:cubicBezTo>
                <a:cubicBezTo>
                  <a:pt x="3845226" y="5438345"/>
                  <a:pt x="3941423" y="4892419"/>
                  <a:pt x="3940559" y="4343549"/>
                </a:cubicBezTo>
                <a:cubicBezTo>
                  <a:pt x="3931400" y="2940464"/>
                  <a:pt x="3297075" y="1616798"/>
                  <a:pt x="2207193" y="610315"/>
                </a:cubicBezTo>
                <a:lnTo>
                  <a:pt x="1983264" y="416849"/>
                </a:lnTo>
                <a:close/>
                <a:moveTo>
                  <a:pt x="1672141" y="347240"/>
                </a:moveTo>
                <a:lnTo>
                  <a:pt x="1786591" y="433587"/>
                </a:lnTo>
                <a:cubicBezTo>
                  <a:pt x="3035899" y="1441449"/>
                  <a:pt x="3774076" y="2843550"/>
                  <a:pt x="3785691" y="4338608"/>
                </a:cubicBezTo>
                <a:cubicBezTo>
                  <a:pt x="3787143" y="4875365"/>
                  <a:pt x="3693577" y="5409333"/>
                  <a:pt x="3508049" y="5922998"/>
                </a:cubicBezTo>
                <a:cubicBezTo>
                  <a:pt x="3505057" y="5931846"/>
                  <a:pt x="3511172" y="5941094"/>
                  <a:pt x="3521721" y="5943645"/>
                </a:cubicBezTo>
                <a:lnTo>
                  <a:pt x="3522101" y="5943645"/>
                </a:lnTo>
                <a:cubicBezTo>
                  <a:pt x="3524001" y="5944044"/>
                  <a:pt x="3525938" y="5944282"/>
                  <a:pt x="3527893" y="5944362"/>
                </a:cubicBezTo>
                <a:cubicBezTo>
                  <a:pt x="3536885" y="5944442"/>
                  <a:pt x="3544842" y="5939499"/>
                  <a:pt x="3547358" y="5932244"/>
                </a:cubicBezTo>
                <a:cubicBezTo>
                  <a:pt x="3733940" y="5415552"/>
                  <a:pt x="3828049" y="4878444"/>
                  <a:pt x="3826615" y="4338528"/>
                </a:cubicBezTo>
                <a:cubicBezTo>
                  <a:pt x="3814886" y="2834095"/>
                  <a:pt x="3072002" y="1423219"/>
                  <a:pt x="1814788" y="409108"/>
                </a:cubicBezTo>
                <a:lnTo>
                  <a:pt x="1758338" y="366525"/>
                </a:lnTo>
                <a:close/>
                <a:moveTo>
                  <a:pt x="1428941" y="292828"/>
                </a:moveTo>
                <a:lnTo>
                  <a:pt x="1702404" y="498680"/>
                </a:lnTo>
                <a:cubicBezTo>
                  <a:pt x="2931143" y="1487729"/>
                  <a:pt x="3658243" y="2864575"/>
                  <a:pt x="3671653" y="4333425"/>
                </a:cubicBezTo>
                <a:cubicBezTo>
                  <a:pt x="3673741" y="4861120"/>
                  <a:pt x="3582206" y="5386135"/>
                  <a:pt x="3400086" y="5891189"/>
                </a:cubicBezTo>
                <a:cubicBezTo>
                  <a:pt x="3396944" y="5900197"/>
                  <a:pt x="3402992" y="5909603"/>
                  <a:pt x="3413665" y="5912394"/>
                </a:cubicBezTo>
                <a:lnTo>
                  <a:pt x="3413665" y="5912234"/>
                </a:lnTo>
                <a:cubicBezTo>
                  <a:pt x="3415573" y="5912713"/>
                  <a:pt x="3417558" y="5912952"/>
                  <a:pt x="3419551" y="5912952"/>
                </a:cubicBezTo>
                <a:cubicBezTo>
                  <a:pt x="3428354" y="5912872"/>
                  <a:pt x="3436055" y="5907930"/>
                  <a:pt x="3438542" y="5900834"/>
                </a:cubicBezTo>
                <a:cubicBezTo>
                  <a:pt x="3621773" y="5392512"/>
                  <a:pt x="3713849" y="4864117"/>
                  <a:pt x="3711723" y="4333027"/>
                </a:cubicBezTo>
                <a:cubicBezTo>
                  <a:pt x="3698198" y="2854915"/>
                  <a:pt x="2966548" y="1469381"/>
                  <a:pt x="1730103" y="474045"/>
                </a:cubicBezTo>
                <a:lnTo>
                  <a:pt x="1514948" y="312071"/>
                </a:lnTo>
                <a:close/>
                <a:moveTo>
                  <a:pt x="1157413" y="232078"/>
                </a:moveTo>
                <a:lnTo>
                  <a:pt x="1305917" y="329402"/>
                </a:lnTo>
                <a:cubicBezTo>
                  <a:pt x="2702014" y="1309441"/>
                  <a:pt x="3540911" y="2765424"/>
                  <a:pt x="3557328" y="4328244"/>
                </a:cubicBezTo>
                <a:cubicBezTo>
                  <a:pt x="3560025" y="4847064"/>
                  <a:pt x="3470608" y="5363326"/>
                  <a:pt x="3292030" y="5860016"/>
                </a:cubicBezTo>
                <a:cubicBezTo>
                  <a:pt x="3288897" y="5869025"/>
                  <a:pt x="3295002" y="5878432"/>
                  <a:pt x="3305703" y="5881143"/>
                </a:cubicBezTo>
                <a:lnTo>
                  <a:pt x="3305798" y="5881303"/>
                </a:lnTo>
                <a:cubicBezTo>
                  <a:pt x="3307736" y="5881781"/>
                  <a:pt x="3309758" y="5882020"/>
                  <a:pt x="3311780" y="5881941"/>
                </a:cubicBezTo>
                <a:cubicBezTo>
                  <a:pt x="3320592" y="5881861"/>
                  <a:pt x="3328302" y="5876918"/>
                  <a:pt x="3330771" y="5869822"/>
                </a:cubicBezTo>
                <a:cubicBezTo>
                  <a:pt x="3510441" y="5369944"/>
                  <a:pt x="3600428" y="4850381"/>
                  <a:pt x="3597779" y="4328244"/>
                </a:cubicBezTo>
                <a:cubicBezTo>
                  <a:pt x="3581392" y="2755229"/>
                  <a:pt x="2737040" y="1289729"/>
                  <a:pt x="1331803" y="303354"/>
                </a:cubicBezTo>
                <a:lnTo>
                  <a:pt x="1257054" y="254371"/>
                </a:lnTo>
                <a:close/>
                <a:moveTo>
                  <a:pt x="867771" y="167275"/>
                </a:moveTo>
                <a:lnTo>
                  <a:pt x="900687" y="185947"/>
                </a:lnTo>
                <a:cubicBezTo>
                  <a:pt x="2467305" y="1140886"/>
                  <a:pt x="3423548" y="2670717"/>
                  <a:pt x="3443480" y="4323221"/>
                </a:cubicBezTo>
                <a:cubicBezTo>
                  <a:pt x="3446604" y="4833130"/>
                  <a:pt x="3359171" y="5340582"/>
                  <a:pt x="3184068" y="5828845"/>
                </a:cubicBezTo>
                <a:cubicBezTo>
                  <a:pt x="3184049" y="5828926"/>
                  <a:pt x="3184030" y="5828926"/>
                  <a:pt x="3184021" y="5829005"/>
                </a:cubicBezTo>
                <a:cubicBezTo>
                  <a:pt x="3182449" y="5833470"/>
                  <a:pt x="3183190" y="5838053"/>
                  <a:pt x="3185657" y="5841850"/>
                </a:cubicBezTo>
                <a:lnTo>
                  <a:pt x="3197636" y="5849964"/>
                </a:lnTo>
                <a:lnTo>
                  <a:pt x="3212954" y="5848537"/>
                </a:lnTo>
                <a:cubicBezTo>
                  <a:pt x="3217511" y="5846464"/>
                  <a:pt x="3221143" y="5842956"/>
                  <a:pt x="3222810" y="5838491"/>
                </a:cubicBezTo>
                <a:cubicBezTo>
                  <a:pt x="3399014" y="5347016"/>
                  <a:pt x="3486987" y="4836239"/>
                  <a:pt x="3483835" y="4322982"/>
                </a:cubicBezTo>
                <a:cubicBezTo>
                  <a:pt x="3465111" y="2778449"/>
                  <a:pt x="2633848" y="1340393"/>
                  <a:pt x="1252675" y="373199"/>
                </a:cubicBezTo>
                <a:lnTo>
                  <a:pt x="974061" y="191056"/>
                </a:lnTo>
                <a:close/>
                <a:moveTo>
                  <a:pt x="529708" y="91639"/>
                </a:moveTo>
                <a:lnTo>
                  <a:pt x="827385" y="260046"/>
                </a:lnTo>
                <a:cubicBezTo>
                  <a:pt x="2366458" y="1195729"/>
                  <a:pt x="3307276" y="2696320"/>
                  <a:pt x="3329252" y="4318278"/>
                </a:cubicBezTo>
                <a:cubicBezTo>
                  <a:pt x="3333049" y="4819250"/>
                  <a:pt x="3247697" y="5317878"/>
                  <a:pt x="3076012" y="5797673"/>
                </a:cubicBezTo>
                <a:cubicBezTo>
                  <a:pt x="3076002" y="5797674"/>
                  <a:pt x="3075993" y="5797754"/>
                  <a:pt x="3075983" y="5797753"/>
                </a:cubicBezTo>
                <a:cubicBezTo>
                  <a:pt x="3072792" y="5806763"/>
                  <a:pt x="3078889" y="5816170"/>
                  <a:pt x="3089590" y="5818879"/>
                </a:cubicBezTo>
                <a:cubicBezTo>
                  <a:pt x="3091499" y="5819359"/>
                  <a:pt x="3093483" y="5819597"/>
                  <a:pt x="3095477" y="5819518"/>
                </a:cubicBezTo>
                <a:cubicBezTo>
                  <a:pt x="3104279" y="5819438"/>
                  <a:pt x="3111999" y="5814575"/>
                  <a:pt x="3114468" y="5807481"/>
                </a:cubicBezTo>
                <a:cubicBezTo>
                  <a:pt x="3287425" y="5324414"/>
                  <a:pt x="3373547" y="4822375"/>
                  <a:pt x="3369986" y="4317960"/>
                </a:cubicBezTo>
                <a:cubicBezTo>
                  <a:pt x="3347836" y="2685113"/>
                  <a:pt x="2400592" y="1174475"/>
                  <a:pt x="851086" y="232626"/>
                </a:cubicBezTo>
                <a:lnTo>
                  <a:pt x="649022" y="118334"/>
                </a:lnTo>
                <a:close/>
                <a:moveTo>
                  <a:pt x="120118" y="0"/>
                </a:moveTo>
                <a:lnTo>
                  <a:pt x="421140" y="146035"/>
                </a:lnTo>
                <a:cubicBezTo>
                  <a:pt x="2128632" y="1040678"/>
                  <a:pt x="3189098" y="2607975"/>
                  <a:pt x="3214834" y="4313096"/>
                </a:cubicBezTo>
                <a:cubicBezTo>
                  <a:pt x="3219220" y="4805163"/>
                  <a:pt x="3136013" y="5295013"/>
                  <a:pt x="2967955" y="5766424"/>
                </a:cubicBezTo>
                <a:cubicBezTo>
                  <a:pt x="2964812" y="5775432"/>
                  <a:pt x="2970861" y="5784839"/>
                  <a:pt x="2981534" y="5787630"/>
                </a:cubicBezTo>
                <a:lnTo>
                  <a:pt x="2981913" y="5787630"/>
                </a:lnTo>
                <a:cubicBezTo>
                  <a:pt x="2983793" y="5788108"/>
                  <a:pt x="2985740" y="5788348"/>
                  <a:pt x="2987706" y="5788348"/>
                </a:cubicBezTo>
                <a:cubicBezTo>
                  <a:pt x="2996508" y="5788267"/>
                  <a:pt x="3004209" y="5783324"/>
                  <a:pt x="3006697" y="5776229"/>
                </a:cubicBezTo>
                <a:cubicBezTo>
                  <a:pt x="3175988" y="5301566"/>
                  <a:pt x="3259841" y="4808328"/>
                  <a:pt x="3255473" y="4312857"/>
                </a:cubicBezTo>
                <a:cubicBezTo>
                  <a:pt x="3229587" y="2596040"/>
                  <a:pt x="2161809" y="1017999"/>
                  <a:pt x="442544" y="117290"/>
                </a:cubicBezTo>
                <a:lnTo>
                  <a:pt x="269769" y="33482"/>
                </a:lnTo>
                <a:close/>
                <a:moveTo>
                  <a:pt x="2383" y="35228"/>
                </a:moveTo>
                <a:cubicBezTo>
                  <a:pt x="-2861" y="43464"/>
                  <a:pt x="838" y="53708"/>
                  <a:pt x="10644" y="58108"/>
                </a:cubicBezTo>
                <a:cubicBezTo>
                  <a:pt x="1886839" y="895618"/>
                  <a:pt x="3071093" y="2524373"/>
                  <a:pt x="3100889" y="4308233"/>
                </a:cubicBezTo>
                <a:cubicBezTo>
                  <a:pt x="3105789" y="4791332"/>
                  <a:pt x="3024586" y="5272324"/>
                  <a:pt x="2859994" y="5735252"/>
                </a:cubicBezTo>
                <a:cubicBezTo>
                  <a:pt x="2859975" y="5735333"/>
                  <a:pt x="2859956" y="5735333"/>
                  <a:pt x="2859947" y="5735412"/>
                </a:cubicBezTo>
                <a:cubicBezTo>
                  <a:pt x="2856803" y="5744340"/>
                  <a:pt x="2862909" y="5753748"/>
                  <a:pt x="2873573" y="5756378"/>
                </a:cubicBezTo>
                <a:lnTo>
                  <a:pt x="2873477" y="5756378"/>
                </a:lnTo>
                <a:cubicBezTo>
                  <a:pt x="2875480" y="5757016"/>
                  <a:pt x="2877617" y="5757255"/>
                  <a:pt x="2879744" y="5757095"/>
                </a:cubicBezTo>
                <a:cubicBezTo>
                  <a:pt x="2888537" y="5756936"/>
                  <a:pt x="2896218" y="5752074"/>
                  <a:pt x="2898735" y="5744978"/>
                </a:cubicBezTo>
                <a:cubicBezTo>
                  <a:pt x="3064437" y="5278703"/>
                  <a:pt x="3146183" y="4794249"/>
                  <a:pt x="3141245" y="4307676"/>
                </a:cubicBezTo>
                <a:cubicBezTo>
                  <a:pt x="3111353" y="2511481"/>
                  <a:pt x="1918876" y="871470"/>
                  <a:pt x="29635" y="28293"/>
                </a:cubicBezTo>
                <a:cubicBezTo>
                  <a:pt x="19828" y="23892"/>
                  <a:pt x="7628" y="26993"/>
                  <a:pt x="2383" y="35228"/>
                </a:cubicBezTo>
                <a:close/>
              </a:path>
            </a:pathLst>
          </a:custGeom>
          <a:gradFill flip="none" rotWithShape="1">
            <a:gsLst>
              <a:gs pos="0">
                <a:schemeClr val="accent1">
                  <a:alpha val="0"/>
                </a:schemeClr>
              </a:gs>
              <a:gs pos="99000">
                <a:schemeClr val="tx2"/>
              </a:gs>
            </a:gsLst>
            <a:lin ang="16200000" scaled="1"/>
            <a:tileRect/>
          </a:gradFill>
          <a:ln w="8497" cap="flat">
            <a:noFill/>
            <a:prstDash val="solid"/>
            <a:miter/>
          </a:ln>
        </p:spPr>
        <p:txBody>
          <a:bodyPr wrap="square" rtlCol="0" anchor="ctr">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pic>
        <p:nvPicPr>
          <p:cNvPr id="3" name="Graphic 2">
            <a:extLst>
              <a:ext uri="{FF2B5EF4-FFF2-40B4-BE49-F238E27FC236}">
                <a16:creationId xmlns:a16="http://schemas.microsoft.com/office/drawing/2014/main" id="{3401A099-B213-443D-26C7-5500582925B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6200000">
            <a:off x="6875656" y="244165"/>
            <a:ext cx="8072452" cy="4036227"/>
          </a:xfrm>
          <a:prstGeom prst="rect">
            <a:avLst/>
          </a:prstGeom>
        </p:spPr>
      </p:pic>
      <p:pic>
        <p:nvPicPr>
          <p:cNvPr id="8" name="Picture Placeholder 7" descr="A white bag with a dollar sign&#10;&#10;Description automatically generated">
            <a:extLst>
              <a:ext uri="{FF2B5EF4-FFF2-40B4-BE49-F238E27FC236}">
                <a16:creationId xmlns:a16="http://schemas.microsoft.com/office/drawing/2014/main" id="{37F2D802-4432-692D-A153-06A00537474A}"/>
              </a:ext>
            </a:extLst>
          </p:cNvPr>
          <p:cNvPicPr>
            <a:picLocks noGrp="1" noChangeAspect="1"/>
          </p:cNvPicPr>
          <p:nvPr>
            <p:ph type="pic" sz="quarter" idx="13"/>
          </p:nvPr>
        </p:nvPicPr>
        <p:blipFill>
          <a:blip r:embed="rId6"/>
          <a:srcRect l="27683" r="24050"/>
          <a:stretch/>
        </p:blipFill>
        <p:spPr>
          <a:xfrm>
            <a:off x="6577860" y="560387"/>
            <a:ext cx="4968027" cy="5737226"/>
          </a:xfrm>
        </p:spPr>
      </p:pic>
      <p:sp>
        <p:nvSpPr>
          <p:cNvPr id="12" name="Title">
            <a:extLst>
              <a:ext uri="{FF2B5EF4-FFF2-40B4-BE49-F238E27FC236}">
                <a16:creationId xmlns:a16="http://schemas.microsoft.com/office/drawing/2014/main" id="{6AB01CA6-DC71-4698-BB06-8B8C9DDA7CAA}"/>
              </a:ext>
            </a:extLst>
          </p:cNvPr>
          <p:cNvSpPr>
            <a:spLocks noGrp="1"/>
          </p:cNvSpPr>
          <p:nvPr>
            <p:ph type="title"/>
          </p:nvPr>
        </p:nvSpPr>
        <p:spPr>
          <a:xfrm>
            <a:off x="787400" y="2203362"/>
            <a:ext cx="5131820" cy="2834622"/>
          </a:xfrm>
        </p:spPr>
        <p:txBody>
          <a:bodyPr vert="horz" wrap="square" lIns="91440" tIns="45720" rIns="91440" bIns="45720" rtlCol="0" anchor="t">
            <a:spAutoFit/>
          </a:bodyPr>
          <a:lstStyle/>
          <a:p>
            <a:pPr>
              <a:lnSpc>
                <a:spcPct val="90000"/>
              </a:lnSpc>
            </a:pPr>
            <a:r>
              <a:rPr lang="en-US" sz="6600" dirty="0"/>
              <a:t>Basics of Autobooks</a:t>
            </a:r>
            <a:br>
              <a:rPr lang="en-US" sz="6600" dirty="0"/>
            </a:br>
            <a:r>
              <a:rPr lang="en-US" sz="6600" dirty="0"/>
              <a:t>Capital</a:t>
            </a:r>
            <a:endParaRPr lang="ru-RU" sz="6600" dirty="0"/>
          </a:p>
        </p:txBody>
      </p:sp>
      <p:sp>
        <p:nvSpPr>
          <p:cNvPr id="2" name="Title">
            <a:extLst>
              <a:ext uri="{FF2B5EF4-FFF2-40B4-BE49-F238E27FC236}">
                <a16:creationId xmlns:a16="http://schemas.microsoft.com/office/drawing/2014/main" id="{44FCE4E7-6481-053A-BBE5-3C8ABB57CCD4}"/>
              </a:ext>
            </a:extLst>
          </p:cNvPr>
          <p:cNvSpPr txBox="1">
            <a:spLocks/>
          </p:cNvSpPr>
          <p:nvPr/>
        </p:nvSpPr>
        <p:spPr>
          <a:xfrm>
            <a:off x="3925741" y="-1138100"/>
            <a:ext cx="4968027" cy="707886"/>
          </a:xfrm>
          <a:prstGeom prst="rect">
            <a:avLst/>
          </a:prstGeom>
        </p:spPr>
        <p:txBody>
          <a:bodyPr vert="horz" wrap="none" lIns="91440" tIns="45720" rIns="91440" bIns="45720" rtlCol="0" anchor="b">
            <a:spAutoFit/>
          </a:bodyPr>
          <a:lstStyle>
            <a:defPPr>
              <a:defRPr lang="en-US"/>
            </a:defPPr>
            <a:lvl1pPr defTabSz="914377">
              <a:lnSpc>
                <a:spcPts val="6000"/>
              </a:lnSpc>
              <a:spcBef>
                <a:spcPct val="0"/>
              </a:spcBef>
              <a:buNone/>
              <a:defRPr sz="4000" b="1" i="0">
                <a:solidFill>
                  <a:schemeClr val="bg1"/>
                </a:solidFill>
                <a:latin typeface="+mj-lt"/>
                <a:ea typeface="+mj-ea"/>
                <a:cs typeface="+mj-cs"/>
              </a:defRPr>
            </a:lvl1pPr>
          </a:lstStyle>
          <a:p>
            <a:pPr marL="0" marR="0" lvl="0" indent="0" algn="l" defTabSz="914377" rtl="0" eaLnBrk="1" fontAlgn="auto" latinLnBrk="0" hangingPunct="1">
              <a:lnSpc>
                <a:spcPct val="100000"/>
              </a:lnSpc>
              <a:spcBef>
                <a:spcPct val="0"/>
              </a:spcBef>
              <a:spcAft>
                <a:spcPts val="0"/>
              </a:spcAft>
              <a:buClrTx/>
              <a:buSzTx/>
              <a:buFontTx/>
              <a:buNone/>
              <a:tabLst/>
              <a:defRPr/>
            </a:pPr>
            <a:r>
              <a:rPr kumimoji="0" lang="en-US" sz="4000" b="1" i="0" u="none" strike="noStrike" kern="1200" cap="none" spc="0" normalizeH="0" baseline="0" noProof="0" dirty="0">
                <a:ln>
                  <a:noFill/>
                </a:ln>
                <a:solidFill>
                  <a:srgbClr val="FFFFFF"/>
                </a:solidFill>
                <a:effectLst/>
                <a:uLnTx/>
                <a:uFillTx/>
                <a:latin typeface="Montserrat Bold"/>
                <a:ea typeface="+mj-ea"/>
                <a:cs typeface="+mj-cs"/>
              </a:rPr>
              <a:t>What You’ll Learn</a:t>
            </a:r>
            <a:endParaRPr kumimoji="0" lang="ru-RU" sz="4000" b="1" i="0" u="none" strike="noStrike" kern="1200" cap="none" spc="0" normalizeH="0" baseline="0" noProof="0" dirty="0">
              <a:ln>
                <a:noFill/>
              </a:ln>
              <a:solidFill>
                <a:srgbClr val="FFFFFF"/>
              </a:solidFill>
              <a:effectLst/>
              <a:uLnTx/>
              <a:uFillTx/>
              <a:latin typeface="Montserrat Bold"/>
              <a:ea typeface="+mj-ea"/>
              <a:cs typeface="+mj-cs"/>
            </a:endParaRPr>
          </a:p>
        </p:txBody>
      </p:sp>
    </p:spTree>
    <p:custDataLst>
      <p:tags r:id="rId1"/>
    </p:custDataLst>
    <p:extLst>
      <p:ext uri="{BB962C8B-B14F-4D97-AF65-F5344CB8AC3E}">
        <p14:creationId xmlns:p14="http://schemas.microsoft.com/office/powerpoint/2010/main" val="2753107675"/>
      </p:ext>
    </p:extLst>
  </p:cSld>
  <p:clrMapOvr>
    <a:masterClrMapping/>
  </p:clrMapOvr>
  <mc:AlternateContent xmlns:mc="http://schemas.openxmlformats.org/markup-compatibility/2006" xmlns:p159="http://schemas.microsoft.com/office/powerpoint/2015/09/main">
    <mc:Choice Requires="p159">
      <p:transition spd="slow">
        <p159:morph option="byObject"/>
      </p:transition>
    </mc:Choice>
    <mc:Fallback xmlns="">
      <p:transition spd="slow">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9912CD2-B1DE-D411-93F4-A3F0CDCAD477}"/>
            </a:ext>
          </a:extLst>
        </p:cNvPr>
        <p:cNvGrpSpPr/>
        <p:nvPr/>
      </p:nvGrpSpPr>
      <p:grpSpPr>
        <a:xfrm>
          <a:off x="0" y="0"/>
          <a:ext cx="0" cy="0"/>
          <a:chOff x="0" y="0"/>
          <a:chExt cx="0" cy="0"/>
        </a:xfrm>
      </p:grpSpPr>
      <p:pic>
        <p:nvPicPr>
          <p:cNvPr id="300" name="Graphic 299">
            <a:extLst>
              <a:ext uri="{FF2B5EF4-FFF2-40B4-BE49-F238E27FC236}">
                <a16:creationId xmlns:a16="http://schemas.microsoft.com/office/drawing/2014/main" id="{0066D04F-3FC7-BC1C-914B-F16BDCB010A6}"/>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6200000">
            <a:off x="-1033592" y="4001126"/>
            <a:ext cx="4130984" cy="2065492"/>
          </a:xfrm>
          <a:prstGeom prst="rect">
            <a:avLst/>
          </a:prstGeom>
        </p:spPr>
      </p:pic>
      <p:pic>
        <p:nvPicPr>
          <p:cNvPr id="38" name="Graphic 37">
            <a:extLst>
              <a:ext uri="{FF2B5EF4-FFF2-40B4-BE49-F238E27FC236}">
                <a16:creationId xmlns:a16="http://schemas.microsoft.com/office/drawing/2014/main" id="{8D91DDA6-3673-43BD-800E-A5DAD1127354}"/>
              </a:ext>
            </a:extLst>
          </p:cNvPr>
          <p:cNvPicPr>
            <a:picLocks noChangeAspect="1"/>
          </p:cNvPicPr>
          <p:nvPr/>
        </p:nvPicPr>
        <p:blipFill>
          <a:blip r:embed="rId6">
            <a:extLst>
              <a:ext uri="{28A0092B-C50C-407E-A947-70E740481C1C}">
                <a14:useLocalDpi xmlns:a14="http://schemas.microsoft.com/office/drawing/2010/main"/>
              </a:ext>
              <a:ext uri="{96DAC541-7B7A-43D3-8B79-37D633B846F1}">
                <asvg:svgBlip xmlns:asvg="http://schemas.microsoft.com/office/drawing/2016/SVG/main" r:embed="rId7"/>
              </a:ext>
            </a:extLst>
          </a:blip>
          <a:srcRect t="44662"/>
          <a:stretch>
            <a:fillRect/>
          </a:stretch>
        </p:blipFill>
        <p:spPr>
          <a:xfrm rot="12600000" flipH="1" flipV="1">
            <a:off x="8330746" y="-690460"/>
            <a:ext cx="6243405" cy="5679783"/>
          </a:xfrm>
          <a:custGeom>
            <a:avLst/>
            <a:gdLst>
              <a:gd name="connsiteX0" fmla="*/ 4486258 w 4486258"/>
              <a:gd name="connsiteY0" fmla="*/ 4081262 h 4081262"/>
              <a:gd name="connsiteX1" fmla="*/ 0 w 4486258"/>
              <a:gd name="connsiteY1" fmla="*/ 4081262 h 4081262"/>
              <a:gd name="connsiteX2" fmla="*/ 0 w 4486258"/>
              <a:gd name="connsiteY2" fmla="*/ 1412885 h 4081262"/>
              <a:gd name="connsiteX3" fmla="*/ 2447189 w 4486258"/>
              <a:gd name="connsiteY3" fmla="*/ 0 h 4081262"/>
              <a:gd name="connsiteX4" fmla="*/ 4486258 w 4486258"/>
              <a:gd name="connsiteY4" fmla="*/ 3531771 h 40812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6258" h="4081262">
                <a:moveTo>
                  <a:pt x="4486258" y="4081262"/>
                </a:moveTo>
                <a:lnTo>
                  <a:pt x="0" y="4081262"/>
                </a:lnTo>
                <a:lnTo>
                  <a:pt x="0" y="1412885"/>
                </a:lnTo>
                <a:lnTo>
                  <a:pt x="2447189" y="0"/>
                </a:lnTo>
                <a:lnTo>
                  <a:pt x="4486258" y="3531771"/>
                </a:lnTo>
                <a:close/>
              </a:path>
            </a:pathLst>
          </a:custGeom>
        </p:spPr>
      </p:pic>
      <p:sp>
        <p:nvSpPr>
          <p:cNvPr id="41" name="Title 40">
            <a:extLst>
              <a:ext uri="{FF2B5EF4-FFF2-40B4-BE49-F238E27FC236}">
                <a16:creationId xmlns:a16="http://schemas.microsoft.com/office/drawing/2014/main" id="{F8CAA5B3-F39E-C30C-FD3D-E7D8FFFD1453}"/>
              </a:ext>
            </a:extLst>
          </p:cNvPr>
          <p:cNvSpPr>
            <a:spLocks noGrp="1"/>
          </p:cNvSpPr>
          <p:nvPr>
            <p:ph type="title"/>
          </p:nvPr>
        </p:nvSpPr>
        <p:spPr/>
        <p:txBody>
          <a:bodyPr/>
          <a:lstStyle/>
          <a:p>
            <a:pPr algn="l"/>
            <a:r>
              <a:rPr lang="en-US" dirty="0"/>
              <a:t>The Pre-qualification</a:t>
            </a:r>
          </a:p>
        </p:txBody>
      </p:sp>
      <p:sp>
        <p:nvSpPr>
          <p:cNvPr id="48" name="TextBox 47">
            <a:extLst>
              <a:ext uri="{FF2B5EF4-FFF2-40B4-BE49-F238E27FC236}">
                <a16:creationId xmlns:a16="http://schemas.microsoft.com/office/drawing/2014/main" id="{78CE3102-25C4-34AC-F4BB-C96E4DC8656B}"/>
              </a:ext>
            </a:extLst>
          </p:cNvPr>
          <p:cNvSpPr txBox="1"/>
          <p:nvPr/>
        </p:nvSpPr>
        <p:spPr>
          <a:xfrm>
            <a:off x="609600" y="2274838"/>
            <a:ext cx="4481615" cy="2308324"/>
          </a:xfrm>
          <a:prstGeom prst="rect">
            <a:avLst/>
          </a:prstGeom>
          <a:noFill/>
        </p:spPr>
        <p:txBody>
          <a:bodyPr wrap="square">
            <a:spAutoFit/>
          </a:bodyPr>
          <a:lstStyle/>
          <a:p>
            <a:pPr algn="l"/>
            <a:r>
              <a:rPr lang="en-US" b="0" i="0" dirty="0">
                <a:solidFill>
                  <a:schemeClr val="bg1"/>
                </a:solidFill>
                <a:effectLst/>
                <a:latin typeface="Montserrat" pitchFamily="2" charset="77"/>
              </a:rPr>
              <a:t>If the customer is not eligible, they won't see the Capital tab in our application. </a:t>
            </a:r>
          </a:p>
          <a:p>
            <a:pPr algn="l"/>
            <a:endParaRPr lang="en-US" dirty="0">
              <a:solidFill>
                <a:schemeClr val="bg1"/>
              </a:solidFill>
              <a:latin typeface="Montserrat" pitchFamily="2" charset="77"/>
            </a:endParaRPr>
          </a:p>
          <a:p>
            <a:pPr algn="l"/>
            <a:r>
              <a:rPr lang="en-US" b="0" i="0" dirty="0">
                <a:solidFill>
                  <a:schemeClr val="bg1"/>
                </a:solidFill>
                <a:effectLst/>
                <a:latin typeface="Montserrat" pitchFamily="2" charset="77"/>
              </a:rPr>
              <a:t>If the customer is not immediately eligible, we'll reevaluate eligibility each time the customer logs in to Autobooks.</a:t>
            </a:r>
          </a:p>
        </p:txBody>
      </p:sp>
      <p:pic>
        <p:nvPicPr>
          <p:cNvPr id="2" name="Picture 1">
            <a:extLst>
              <a:ext uri="{FF2B5EF4-FFF2-40B4-BE49-F238E27FC236}">
                <a16:creationId xmlns:a16="http://schemas.microsoft.com/office/drawing/2014/main" id="{93716A8F-1973-B9D3-A2EE-DFD4CC149300}"/>
              </a:ext>
            </a:extLst>
          </p:cNvPr>
          <p:cNvPicPr>
            <a:picLocks noChangeAspect="1"/>
          </p:cNvPicPr>
          <p:nvPr/>
        </p:nvPicPr>
        <p:blipFill>
          <a:blip r:embed="rId8"/>
          <a:srcRect t="-1168" b="921"/>
          <a:stretch>
            <a:fillRect/>
          </a:stretch>
        </p:blipFill>
        <p:spPr>
          <a:xfrm>
            <a:off x="5637544" y="1189839"/>
            <a:ext cx="6293061" cy="4386872"/>
          </a:xfrm>
          <a:prstGeom prst="rect">
            <a:avLst/>
          </a:prstGeom>
        </p:spPr>
      </p:pic>
    </p:spTree>
    <p:custDataLst>
      <p:tags r:id="rId1"/>
    </p:custDataLst>
    <p:extLst>
      <p:ext uri="{BB962C8B-B14F-4D97-AF65-F5344CB8AC3E}">
        <p14:creationId xmlns:p14="http://schemas.microsoft.com/office/powerpoint/2010/main" val="3108632018"/>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3816E51-91EF-E673-2860-E93CAFF972F3}"/>
            </a:ext>
          </a:extLst>
        </p:cNvPr>
        <p:cNvGrpSpPr/>
        <p:nvPr/>
      </p:nvGrpSpPr>
      <p:grpSpPr>
        <a:xfrm>
          <a:off x="0" y="0"/>
          <a:ext cx="0" cy="0"/>
          <a:chOff x="0" y="0"/>
          <a:chExt cx="0" cy="0"/>
        </a:xfrm>
      </p:grpSpPr>
      <p:pic>
        <p:nvPicPr>
          <p:cNvPr id="300" name="Graphic 299">
            <a:extLst>
              <a:ext uri="{FF2B5EF4-FFF2-40B4-BE49-F238E27FC236}">
                <a16:creationId xmlns:a16="http://schemas.microsoft.com/office/drawing/2014/main" id="{9D1D588E-F45C-059D-1AF0-A6BFAF4DFB36}"/>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6200000">
            <a:off x="-1033592" y="4001126"/>
            <a:ext cx="4130984" cy="2065492"/>
          </a:xfrm>
          <a:prstGeom prst="rect">
            <a:avLst/>
          </a:prstGeom>
        </p:spPr>
      </p:pic>
      <p:sp>
        <p:nvSpPr>
          <p:cNvPr id="41" name="Title 40">
            <a:extLst>
              <a:ext uri="{FF2B5EF4-FFF2-40B4-BE49-F238E27FC236}">
                <a16:creationId xmlns:a16="http://schemas.microsoft.com/office/drawing/2014/main" id="{AD6D97DE-7312-FC4B-D625-5BAC5AF3D1A4}"/>
              </a:ext>
            </a:extLst>
          </p:cNvPr>
          <p:cNvSpPr>
            <a:spLocks noGrp="1"/>
          </p:cNvSpPr>
          <p:nvPr>
            <p:ph type="title"/>
          </p:nvPr>
        </p:nvSpPr>
        <p:spPr/>
        <p:txBody>
          <a:bodyPr/>
          <a:lstStyle/>
          <a:p>
            <a:pPr algn="l"/>
            <a:r>
              <a:rPr lang="en-US" dirty="0"/>
              <a:t>The Application</a:t>
            </a:r>
          </a:p>
        </p:txBody>
      </p:sp>
      <p:pic>
        <p:nvPicPr>
          <p:cNvPr id="5" name="Picture 4">
            <a:extLst>
              <a:ext uri="{FF2B5EF4-FFF2-40B4-BE49-F238E27FC236}">
                <a16:creationId xmlns:a16="http://schemas.microsoft.com/office/drawing/2014/main" id="{A5D325D9-8D10-E5E4-EAC1-D9E9C5CB17FA}"/>
              </a:ext>
            </a:extLst>
          </p:cNvPr>
          <p:cNvPicPr>
            <a:picLocks noChangeAspect="1"/>
          </p:cNvPicPr>
          <p:nvPr/>
        </p:nvPicPr>
        <p:blipFill>
          <a:blip r:embed="rId6"/>
          <a:srcRect l="61921" r="-1"/>
          <a:stretch/>
        </p:blipFill>
        <p:spPr>
          <a:xfrm>
            <a:off x="863051" y="2213376"/>
            <a:ext cx="2959720" cy="3297966"/>
          </a:xfrm>
          <a:prstGeom prst="rect">
            <a:avLst/>
          </a:prstGeom>
        </p:spPr>
      </p:pic>
      <p:sp>
        <p:nvSpPr>
          <p:cNvPr id="4" name="TextBox 3">
            <a:extLst>
              <a:ext uri="{FF2B5EF4-FFF2-40B4-BE49-F238E27FC236}">
                <a16:creationId xmlns:a16="http://schemas.microsoft.com/office/drawing/2014/main" id="{DE330742-7A6E-D7F7-E3E9-C7B0D85B8D44}"/>
              </a:ext>
            </a:extLst>
          </p:cNvPr>
          <p:cNvSpPr txBox="1"/>
          <p:nvPr/>
        </p:nvSpPr>
        <p:spPr>
          <a:xfrm>
            <a:off x="7022648" y="2274838"/>
            <a:ext cx="4481615" cy="3139321"/>
          </a:xfrm>
          <a:prstGeom prst="rect">
            <a:avLst/>
          </a:prstGeom>
          <a:noFill/>
        </p:spPr>
        <p:txBody>
          <a:bodyPr wrap="square">
            <a:spAutoFit/>
          </a:bodyPr>
          <a:lstStyle/>
          <a:p>
            <a:pPr algn="l"/>
            <a:r>
              <a:rPr lang="en-US" dirty="0">
                <a:solidFill>
                  <a:schemeClr val="bg1"/>
                </a:solidFill>
                <a:latin typeface="Montserrat" pitchFamily="2" charset="77"/>
              </a:rPr>
              <a:t>Once pre-qualified, the customer applies in-app for Autobooks Capital through these steps:</a:t>
            </a:r>
          </a:p>
          <a:p>
            <a:pPr algn="l"/>
            <a:endParaRPr lang="en-US" dirty="0">
              <a:solidFill>
                <a:schemeClr val="bg1"/>
              </a:solidFill>
              <a:latin typeface="Montserrat" pitchFamily="2" charset="77"/>
            </a:endParaRPr>
          </a:p>
          <a:p>
            <a:pPr marL="342900" indent="-342900" algn="l">
              <a:buFont typeface="+mj-lt"/>
              <a:buAutoNum type="arabicPeriod"/>
            </a:pPr>
            <a:r>
              <a:rPr lang="en-US" dirty="0">
                <a:solidFill>
                  <a:schemeClr val="bg1"/>
                </a:solidFill>
                <a:latin typeface="Montserrat" pitchFamily="2" charset="77"/>
              </a:rPr>
              <a:t>Clicks the Apply Now button in the Capital tab.</a:t>
            </a:r>
          </a:p>
          <a:p>
            <a:pPr marL="342900" indent="-342900" algn="l">
              <a:buFont typeface="+mj-lt"/>
              <a:buAutoNum type="arabicPeriod"/>
            </a:pPr>
            <a:r>
              <a:rPr lang="en-US" dirty="0">
                <a:solidFill>
                  <a:schemeClr val="bg1"/>
                </a:solidFill>
                <a:latin typeface="Montserrat" pitchFamily="2" charset="77"/>
              </a:rPr>
              <a:t>Completes basic questions about the business.</a:t>
            </a:r>
          </a:p>
          <a:p>
            <a:pPr marL="342900" indent="-342900" algn="l">
              <a:buFont typeface="+mj-lt"/>
              <a:buAutoNum type="arabicPeriod"/>
            </a:pPr>
            <a:r>
              <a:rPr lang="en-US" dirty="0">
                <a:solidFill>
                  <a:schemeClr val="bg1"/>
                </a:solidFill>
                <a:latin typeface="Montserrat" pitchFamily="2" charset="77"/>
              </a:rPr>
              <a:t>Optional: may be asked to clarify information or contribute documents.</a:t>
            </a:r>
          </a:p>
        </p:txBody>
      </p:sp>
      <p:pic>
        <p:nvPicPr>
          <p:cNvPr id="5122" name="Picture 2">
            <a:extLst>
              <a:ext uri="{FF2B5EF4-FFF2-40B4-BE49-F238E27FC236}">
                <a16:creationId xmlns:a16="http://schemas.microsoft.com/office/drawing/2014/main" id="{58CC12AF-AAFF-A80D-1EF8-68D9ECEFC65E}"/>
              </a:ext>
            </a:extLst>
          </p:cNvPr>
          <p:cNvPicPr>
            <a:picLocks noChangeAspect="1" noChangeArrowheads="1"/>
          </p:cNvPicPr>
          <p:nvPr/>
        </p:nvPicPr>
        <p:blipFill rotWithShape="1">
          <a:blip r:embed="rId7">
            <a:extLst>
              <a:ext uri="{28A0092B-C50C-407E-A947-70E740481C1C}">
                <a14:useLocalDpi xmlns:a14="http://schemas.microsoft.com/office/drawing/2010/main" val="0"/>
              </a:ext>
            </a:extLst>
          </a:blip>
          <a:srcRect l="27292" t="32503" r="26709" b="22838"/>
          <a:stretch/>
        </p:blipFill>
        <p:spPr bwMode="auto">
          <a:xfrm>
            <a:off x="2928544" y="1486138"/>
            <a:ext cx="2970346" cy="2063261"/>
          </a:xfrm>
          <a:prstGeom prst="rect">
            <a:avLst/>
          </a:prstGeom>
          <a:noFill/>
          <a:ln>
            <a:solidFill>
              <a:schemeClr val="tx2"/>
            </a:solidFill>
          </a:ln>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489293773"/>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FD71792-04EF-6058-8F1A-35881248A4AA}"/>
            </a:ext>
          </a:extLst>
        </p:cNvPr>
        <p:cNvGrpSpPr/>
        <p:nvPr/>
      </p:nvGrpSpPr>
      <p:grpSpPr>
        <a:xfrm>
          <a:off x="0" y="0"/>
          <a:ext cx="0" cy="0"/>
          <a:chOff x="0" y="0"/>
          <a:chExt cx="0" cy="0"/>
        </a:xfrm>
      </p:grpSpPr>
      <p:pic>
        <p:nvPicPr>
          <p:cNvPr id="300" name="Graphic 299">
            <a:extLst>
              <a:ext uri="{FF2B5EF4-FFF2-40B4-BE49-F238E27FC236}">
                <a16:creationId xmlns:a16="http://schemas.microsoft.com/office/drawing/2014/main" id="{2D3F7C81-96E8-BAE1-50BD-8225021AC6E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6200000">
            <a:off x="-1033592" y="4001126"/>
            <a:ext cx="4130984" cy="2065492"/>
          </a:xfrm>
          <a:prstGeom prst="rect">
            <a:avLst/>
          </a:prstGeom>
        </p:spPr>
      </p:pic>
      <p:pic>
        <p:nvPicPr>
          <p:cNvPr id="38" name="Graphic 37">
            <a:extLst>
              <a:ext uri="{FF2B5EF4-FFF2-40B4-BE49-F238E27FC236}">
                <a16:creationId xmlns:a16="http://schemas.microsoft.com/office/drawing/2014/main" id="{88F49C0A-7266-EA26-96A2-948C1559C17B}"/>
              </a:ext>
            </a:extLst>
          </p:cNvPr>
          <p:cNvPicPr>
            <a:picLocks noChangeAspect="1"/>
          </p:cNvPicPr>
          <p:nvPr/>
        </p:nvPicPr>
        <p:blipFill>
          <a:blip r:embed="rId6">
            <a:extLst>
              <a:ext uri="{28A0092B-C50C-407E-A947-70E740481C1C}">
                <a14:useLocalDpi xmlns:a14="http://schemas.microsoft.com/office/drawing/2010/main"/>
              </a:ext>
              <a:ext uri="{96DAC541-7B7A-43D3-8B79-37D633B846F1}">
                <asvg:svgBlip xmlns:asvg="http://schemas.microsoft.com/office/drawing/2016/SVG/main" r:embed="rId7"/>
              </a:ext>
            </a:extLst>
          </a:blip>
          <a:srcRect t="44662"/>
          <a:stretch>
            <a:fillRect/>
          </a:stretch>
        </p:blipFill>
        <p:spPr>
          <a:xfrm rot="12600000" flipH="1" flipV="1">
            <a:off x="8330746" y="-690460"/>
            <a:ext cx="6243405" cy="5679783"/>
          </a:xfrm>
          <a:custGeom>
            <a:avLst/>
            <a:gdLst>
              <a:gd name="connsiteX0" fmla="*/ 4486258 w 4486258"/>
              <a:gd name="connsiteY0" fmla="*/ 4081262 h 4081262"/>
              <a:gd name="connsiteX1" fmla="*/ 0 w 4486258"/>
              <a:gd name="connsiteY1" fmla="*/ 4081262 h 4081262"/>
              <a:gd name="connsiteX2" fmla="*/ 0 w 4486258"/>
              <a:gd name="connsiteY2" fmla="*/ 1412885 h 4081262"/>
              <a:gd name="connsiteX3" fmla="*/ 2447189 w 4486258"/>
              <a:gd name="connsiteY3" fmla="*/ 0 h 4081262"/>
              <a:gd name="connsiteX4" fmla="*/ 4486258 w 4486258"/>
              <a:gd name="connsiteY4" fmla="*/ 3531771 h 40812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6258" h="4081262">
                <a:moveTo>
                  <a:pt x="4486258" y="4081262"/>
                </a:moveTo>
                <a:lnTo>
                  <a:pt x="0" y="4081262"/>
                </a:lnTo>
                <a:lnTo>
                  <a:pt x="0" y="1412885"/>
                </a:lnTo>
                <a:lnTo>
                  <a:pt x="2447189" y="0"/>
                </a:lnTo>
                <a:lnTo>
                  <a:pt x="4486258" y="3531771"/>
                </a:lnTo>
                <a:close/>
              </a:path>
            </a:pathLst>
          </a:custGeom>
        </p:spPr>
      </p:pic>
      <p:sp>
        <p:nvSpPr>
          <p:cNvPr id="22" name="Pentagon 21">
            <a:extLst>
              <a:ext uri="{FF2B5EF4-FFF2-40B4-BE49-F238E27FC236}">
                <a16:creationId xmlns:a16="http://schemas.microsoft.com/office/drawing/2014/main" id="{E228D377-7F62-B463-388C-7D75DEC0AF02}"/>
              </a:ext>
            </a:extLst>
          </p:cNvPr>
          <p:cNvSpPr/>
          <p:nvPr/>
        </p:nvSpPr>
        <p:spPr>
          <a:xfrm>
            <a:off x="367147" y="2665958"/>
            <a:ext cx="1706979" cy="1526083"/>
          </a:xfrm>
          <a:prstGeom prst="homePlate">
            <a:avLst>
              <a:gd name="adj" fmla="val 20174"/>
            </a:avLst>
          </a:prstGeom>
          <a:solidFill>
            <a:schemeClr val="accent2">
              <a:lumMod val="50000"/>
            </a:schemeClr>
          </a:solidFill>
          <a:ln>
            <a:noFill/>
          </a:ln>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82880" tIns="24003" rIns="460652" bIns="24003" numCol="1" spcCol="1270" anchor="ctr" anchorCtr="0">
            <a:noAutofit/>
          </a:bodyPr>
          <a:lstStyle/>
          <a:p>
            <a:pPr marL="0" lvl="0" indent="0" defTabSz="400050">
              <a:lnSpc>
                <a:spcPct val="90000"/>
              </a:lnSpc>
              <a:spcBef>
                <a:spcPct val="0"/>
              </a:spcBef>
              <a:spcAft>
                <a:spcPct val="35000"/>
              </a:spcAft>
              <a:buNone/>
            </a:pPr>
            <a:r>
              <a:rPr lang="en-US" sz="1400" b="1" kern="1200"/>
              <a:t>SMB signs up for Autobooks</a:t>
            </a:r>
          </a:p>
        </p:txBody>
      </p:sp>
      <p:sp>
        <p:nvSpPr>
          <p:cNvPr id="23" name="Chevron 22">
            <a:extLst>
              <a:ext uri="{FF2B5EF4-FFF2-40B4-BE49-F238E27FC236}">
                <a16:creationId xmlns:a16="http://schemas.microsoft.com/office/drawing/2014/main" id="{02692B47-9BD4-C518-A066-0312847B2AC0}"/>
              </a:ext>
            </a:extLst>
          </p:cNvPr>
          <p:cNvSpPr/>
          <p:nvPr/>
        </p:nvSpPr>
        <p:spPr>
          <a:xfrm>
            <a:off x="1605775" y="2665958"/>
            <a:ext cx="2383308" cy="1526083"/>
          </a:xfrm>
          <a:prstGeom prst="chevron">
            <a:avLst>
              <a:gd name="adj" fmla="val 17848"/>
            </a:avLst>
          </a:prstGeom>
          <a:solidFill>
            <a:schemeClr val="accent2">
              <a:lumMod val="75000"/>
            </a:schemeClr>
          </a:solidFill>
          <a:ln>
            <a:noFill/>
          </a:ln>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82880" tIns="0" rIns="0" bIns="0" numCol="1" spcCol="1270" anchor="ctr" anchorCtr="0">
            <a:noAutofit/>
          </a:bodyPr>
          <a:lstStyle/>
          <a:p>
            <a:pPr marL="0" lvl="0" indent="0" defTabSz="400050">
              <a:lnSpc>
                <a:spcPct val="90000"/>
              </a:lnSpc>
              <a:spcBef>
                <a:spcPct val="0"/>
              </a:spcBef>
              <a:spcAft>
                <a:spcPct val="35000"/>
              </a:spcAft>
              <a:buNone/>
            </a:pPr>
            <a:r>
              <a:rPr lang="en-US" sz="1400" b="1" kern="1200"/>
              <a:t>SMB is </a:t>
            </a:r>
            <a:br>
              <a:rPr lang="en-US" sz="1400" b="1" kern="1200"/>
            </a:br>
            <a:r>
              <a:rPr lang="en-US" sz="1400" b="1" kern="1200"/>
              <a:t>evaluated for prequalification</a:t>
            </a:r>
          </a:p>
        </p:txBody>
      </p:sp>
      <p:sp>
        <p:nvSpPr>
          <p:cNvPr id="24" name="Chevron 23">
            <a:extLst>
              <a:ext uri="{FF2B5EF4-FFF2-40B4-BE49-F238E27FC236}">
                <a16:creationId xmlns:a16="http://schemas.microsoft.com/office/drawing/2014/main" id="{BF46AF8F-7EAE-405D-ECB5-489EDCC3A57E}"/>
              </a:ext>
            </a:extLst>
          </p:cNvPr>
          <p:cNvSpPr/>
          <p:nvPr/>
        </p:nvSpPr>
        <p:spPr>
          <a:xfrm>
            <a:off x="3312754" y="2665958"/>
            <a:ext cx="2563939" cy="1526083"/>
          </a:xfrm>
          <a:prstGeom prst="chevron">
            <a:avLst>
              <a:gd name="adj" fmla="val 19169"/>
            </a:avLst>
          </a:prstGeom>
          <a:solidFill>
            <a:schemeClr val="accent2">
              <a:lumMod val="60000"/>
              <a:lumOff val="40000"/>
            </a:schemeClr>
          </a:solidFill>
          <a:ln>
            <a:noFill/>
          </a:ln>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82880" tIns="0" rIns="0" bIns="0" numCol="1" spcCol="1270" anchor="ctr" anchorCtr="0">
            <a:noAutofit/>
          </a:bodyPr>
          <a:lstStyle/>
          <a:p>
            <a:pPr marL="0" lvl="0" indent="0" defTabSz="400050">
              <a:lnSpc>
                <a:spcPct val="90000"/>
              </a:lnSpc>
              <a:spcBef>
                <a:spcPct val="0"/>
              </a:spcBef>
              <a:spcAft>
                <a:spcPct val="35000"/>
              </a:spcAft>
              <a:buNone/>
            </a:pPr>
            <a:r>
              <a:rPr lang="en-US" sz="1400" b="1" kern="1200" dirty="0">
                <a:solidFill>
                  <a:srgbClr val="060E21"/>
                </a:solidFill>
              </a:rPr>
              <a:t>Prequalified SMBs </a:t>
            </a:r>
            <a:br>
              <a:rPr lang="en-US" sz="1400" b="1" kern="1200" dirty="0">
                <a:solidFill>
                  <a:srgbClr val="060E21"/>
                </a:solidFill>
              </a:rPr>
            </a:br>
            <a:r>
              <a:rPr lang="en-US" sz="1400" b="1" kern="1200" dirty="0">
                <a:solidFill>
                  <a:srgbClr val="060E21"/>
                </a:solidFill>
              </a:rPr>
              <a:t>see the Autobooks Capital tab, presented an offer</a:t>
            </a:r>
          </a:p>
        </p:txBody>
      </p:sp>
      <p:sp>
        <p:nvSpPr>
          <p:cNvPr id="26" name="Chevron 25">
            <a:extLst>
              <a:ext uri="{FF2B5EF4-FFF2-40B4-BE49-F238E27FC236}">
                <a16:creationId xmlns:a16="http://schemas.microsoft.com/office/drawing/2014/main" id="{F2AB8BA2-AB16-2EFC-9DDE-F528ED7A7BFB}"/>
              </a:ext>
            </a:extLst>
          </p:cNvPr>
          <p:cNvSpPr/>
          <p:nvPr/>
        </p:nvSpPr>
        <p:spPr>
          <a:xfrm>
            <a:off x="5460973" y="2665958"/>
            <a:ext cx="2492981" cy="1526083"/>
          </a:xfrm>
          <a:prstGeom prst="chevron">
            <a:avLst>
              <a:gd name="adj" fmla="val 21417"/>
            </a:avLst>
          </a:prstGeom>
          <a:solidFill>
            <a:schemeClr val="accent2">
              <a:lumMod val="40000"/>
              <a:lumOff val="60000"/>
            </a:schemeClr>
          </a:solidFill>
          <a:ln>
            <a:noFill/>
          </a:ln>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82880" tIns="0" rIns="0" bIns="0" numCol="1" spcCol="1270" anchor="ctr" anchorCtr="0">
            <a:noAutofit/>
          </a:bodyPr>
          <a:lstStyle/>
          <a:p>
            <a:pPr marL="0" lvl="0" indent="0" defTabSz="400050">
              <a:lnSpc>
                <a:spcPct val="90000"/>
              </a:lnSpc>
              <a:spcBef>
                <a:spcPct val="0"/>
              </a:spcBef>
              <a:spcAft>
                <a:spcPct val="35000"/>
              </a:spcAft>
              <a:buNone/>
            </a:pPr>
            <a:r>
              <a:rPr lang="en-US" sz="1400" b="1" kern="1200">
                <a:solidFill>
                  <a:srgbClr val="060E21"/>
                </a:solidFill>
              </a:rPr>
              <a:t>Interested SMBs may apply through the Autobooks app</a:t>
            </a:r>
          </a:p>
        </p:txBody>
      </p:sp>
      <p:sp>
        <p:nvSpPr>
          <p:cNvPr id="28" name="Chevron 27">
            <a:extLst>
              <a:ext uri="{FF2B5EF4-FFF2-40B4-BE49-F238E27FC236}">
                <a16:creationId xmlns:a16="http://schemas.microsoft.com/office/drawing/2014/main" id="{5FD89BEE-DC43-D4DF-E0A3-9B827EF0B941}"/>
              </a:ext>
            </a:extLst>
          </p:cNvPr>
          <p:cNvSpPr/>
          <p:nvPr/>
        </p:nvSpPr>
        <p:spPr>
          <a:xfrm>
            <a:off x="7527844" y="2665958"/>
            <a:ext cx="2383308" cy="1526083"/>
          </a:xfrm>
          <a:prstGeom prst="chevron">
            <a:avLst>
              <a:gd name="adj" fmla="val 20795"/>
            </a:avLst>
          </a:prstGeom>
          <a:solidFill>
            <a:schemeClr val="accent2">
              <a:lumMod val="20000"/>
              <a:lumOff val="80000"/>
            </a:schemeClr>
          </a:solidFill>
          <a:ln>
            <a:noFill/>
          </a:ln>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82880" tIns="0" rIns="0" bIns="0" numCol="1" spcCol="1270" anchor="ctr" anchorCtr="0">
            <a:noAutofit/>
          </a:bodyPr>
          <a:lstStyle/>
          <a:p>
            <a:pPr marL="0" lvl="0" indent="0" defTabSz="400050">
              <a:lnSpc>
                <a:spcPct val="90000"/>
              </a:lnSpc>
              <a:spcBef>
                <a:spcPct val="0"/>
              </a:spcBef>
              <a:spcAft>
                <a:spcPct val="35000"/>
              </a:spcAft>
              <a:buNone/>
            </a:pPr>
            <a:r>
              <a:rPr lang="en-US" sz="1400" b="1" kern="1200">
                <a:solidFill>
                  <a:srgbClr val="060E21"/>
                </a:solidFill>
              </a:rPr>
              <a:t>SMB application is reviewed and decisioned</a:t>
            </a:r>
          </a:p>
        </p:txBody>
      </p:sp>
      <p:sp>
        <p:nvSpPr>
          <p:cNvPr id="30" name="Chevron 29">
            <a:extLst>
              <a:ext uri="{FF2B5EF4-FFF2-40B4-BE49-F238E27FC236}">
                <a16:creationId xmlns:a16="http://schemas.microsoft.com/office/drawing/2014/main" id="{C95ACBCF-6040-7E5E-1BF1-FF23FD7C9F15}"/>
              </a:ext>
            </a:extLst>
          </p:cNvPr>
          <p:cNvSpPr/>
          <p:nvPr/>
        </p:nvSpPr>
        <p:spPr>
          <a:xfrm>
            <a:off x="9394571" y="2665958"/>
            <a:ext cx="2592990" cy="1526083"/>
          </a:xfrm>
          <a:prstGeom prst="chevron">
            <a:avLst>
              <a:gd name="adj" fmla="val 19553"/>
            </a:avLst>
          </a:prstGeom>
          <a:solidFill>
            <a:schemeClr val="bg2"/>
          </a:solidFill>
          <a:ln>
            <a:noFill/>
          </a:ln>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82880" tIns="0" rIns="0" bIns="0" numCol="1" spcCol="1270" anchor="ctr" anchorCtr="0">
            <a:noAutofit/>
          </a:bodyPr>
          <a:lstStyle/>
          <a:p>
            <a:pPr marL="0" lvl="0" indent="0" defTabSz="400050">
              <a:lnSpc>
                <a:spcPct val="90000"/>
              </a:lnSpc>
              <a:spcBef>
                <a:spcPct val="0"/>
              </a:spcBef>
              <a:spcAft>
                <a:spcPct val="35000"/>
              </a:spcAft>
              <a:buNone/>
            </a:pPr>
            <a:r>
              <a:rPr lang="en-US" sz="1400" b="1" kern="1200">
                <a:solidFill>
                  <a:schemeClr val="bg2">
                    <a:lumMod val="10000"/>
                  </a:schemeClr>
                </a:solidFill>
              </a:rPr>
              <a:t>Approved SMBs may begin pulling down their capital advance immediately</a:t>
            </a:r>
          </a:p>
        </p:txBody>
      </p:sp>
      <p:sp>
        <p:nvSpPr>
          <p:cNvPr id="33" name="Chevron 32">
            <a:extLst>
              <a:ext uri="{FF2B5EF4-FFF2-40B4-BE49-F238E27FC236}">
                <a16:creationId xmlns:a16="http://schemas.microsoft.com/office/drawing/2014/main" id="{709CA0C0-8D2E-D2A9-999F-672999FAB2F7}"/>
              </a:ext>
            </a:extLst>
          </p:cNvPr>
          <p:cNvSpPr/>
          <p:nvPr/>
        </p:nvSpPr>
        <p:spPr>
          <a:xfrm>
            <a:off x="1793200" y="3289608"/>
            <a:ext cx="95327" cy="278781"/>
          </a:xfrm>
          <a:prstGeom prst="chevron">
            <a:avLst>
              <a:gd name="adj" fmla="val 45809"/>
            </a:avLst>
          </a:prstGeom>
          <a:solidFill>
            <a:schemeClr val="accent1">
              <a:alpha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34" name="Chevron 33">
            <a:extLst>
              <a:ext uri="{FF2B5EF4-FFF2-40B4-BE49-F238E27FC236}">
                <a16:creationId xmlns:a16="http://schemas.microsoft.com/office/drawing/2014/main" id="{21E06789-37C2-98A5-33F5-4803AB454226}"/>
              </a:ext>
            </a:extLst>
          </p:cNvPr>
          <p:cNvSpPr/>
          <p:nvPr/>
        </p:nvSpPr>
        <p:spPr>
          <a:xfrm>
            <a:off x="3526108" y="3289608"/>
            <a:ext cx="95327" cy="278781"/>
          </a:xfrm>
          <a:prstGeom prst="chevron">
            <a:avLst>
              <a:gd name="adj" fmla="val 45809"/>
            </a:avLst>
          </a:prstGeom>
          <a:solidFill>
            <a:schemeClr val="accent1">
              <a:alpha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35" name="Chevron 34">
            <a:extLst>
              <a:ext uri="{FF2B5EF4-FFF2-40B4-BE49-F238E27FC236}">
                <a16:creationId xmlns:a16="http://schemas.microsoft.com/office/drawing/2014/main" id="{62C14287-9385-E170-AA48-55F6B166FA86}"/>
              </a:ext>
            </a:extLst>
          </p:cNvPr>
          <p:cNvSpPr/>
          <p:nvPr/>
        </p:nvSpPr>
        <p:spPr>
          <a:xfrm>
            <a:off x="5711079" y="3289608"/>
            <a:ext cx="95327" cy="278781"/>
          </a:xfrm>
          <a:prstGeom prst="chevron">
            <a:avLst>
              <a:gd name="adj" fmla="val 45809"/>
            </a:avLst>
          </a:prstGeom>
          <a:solidFill>
            <a:schemeClr val="accent1">
              <a:alpha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39" name="Chevron 38">
            <a:extLst>
              <a:ext uri="{FF2B5EF4-FFF2-40B4-BE49-F238E27FC236}">
                <a16:creationId xmlns:a16="http://schemas.microsoft.com/office/drawing/2014/main" id="{B19835EA-B780-8FEF-787B-2E6FF1292129}"/>
              </a:ext>
            </a:extLst>
          </p:cNvPr>
          <p:cNvSpPr/>
          <p:nvPr/>
        </p:nvSpPr>
        <p:spPr>
          <a:xfrm>
            <a:off x="7772760" y="3289608"/>
            <a:ext cx="95327" cy="278781"/>
          </a:xfrm>
          <a:prstGeom prst="chevron">
            <a:avLst>
              <a:gd name="adj" fmla="val 45809"/>
            </a:avLst>
          </a:prstGeom>
          <a:solidFill>
            <a:schemeClr val="accent1">
              <a:alpha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40" name="Chevron 39">
            <a:extLst>
              <a:ext uri="{FF2B5EF4-FFF2-40B4-BE49-F238E27FC236}">
                <a16:creationId xmlns:a16="http://schemas.microsoft.com/office/drawing/2014/main" id="{E08E5F0E-4FB1-3A3B-44F3-8968F9E04E7C}"/>
              </a:ext>
            </a:extLst>
          </p:cNvPr>
          <p:cNvSpPr/>
          <p:nvPr/>
        </p:nvSpPr>
        <p:spPr>
          <a:xfrm>
            <a:off x="9611834" y="3289608"/>
            <a:ext cx="95327" cy="278781"/>
          </a:xfrm>
          <a:prstGeom prst="chevron">
            <a:avLst>
              <a:gd name="adj" fmla="val 45809"/>
            </a:avLst>
          </a:prstGeom>
          <a:solidFill>
            <a:schemeClr val="accent1">
              <a:alpha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41" name="Title 40">
            <a:extLst>
              <a:ext uri="{FF2B5EF4-FFF2-40B4-BE49-F238E27FC236}">
                <a16:creationId xmlns:a16="http://schemas.microsoft.com/office/drawing/2014/main" id="{EFC0F48C-07B4-163F-F17C-E5D05A765F03}"/>
              </a:ext>
            </a:extLst>
          </p:cNvPr>
          <p:cNvSpPr>
            <a:spLocks noGrp="1"/>
          </p:cNvSpPr>
          <p:nvPr>
            <p:ph type="title"/>
          </p:nvPr>
        </p:nvSpPr>
        <p:spPr/>
        <p:txBody>
          <a:bodyPr/>
          <a:lstStyle/>
          <a:p>
            <a:pPr algn="l"/>
            <a:r>
              <a:rPr lang="en-US" dirty="0"/>
              <a:t>Approval Process - Summary</a:t>
            </a:r>
          </a:p>
        </p:txBody>
      </p:sp>
    </p:spTree>
    <p:custDataLst>
      <p:tags r:id="rId1"/>
    </p:custDataLst>
    <p:extLst>
      <p:ext uri="{BB962C8B-B14F-4D97-AF65-F5344CB8AC3E}">
        <p14:creationId xmlns:p14="http://schemas.microsoft.com/office/powerpoint/2010/main" val="77456628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9D8BE1D-47CB-5314-8AB2-D971C3F1816B}"/>
            </a:ext>
          </a:extLst>
        </p:cNvPr>
        <p:cNvGrpSpPr/>
        <p:nvPr/>
      </p:nvGrpSpPr>
      <p:grpSpPr>
        <a:xfrm>
          <a:off x="0" y="0"/>
          <a:ext cx="0" cy="0"/>
          <a:chOff x="0" y="0"/>
          <a:chExt cx="0" cy="0"/>
        </a:xfrm>
      </p:grpSpPr>
      <p:pic>
        <p:nvPicPr>
          <p:cNvPr id="3" name="Graphic 2">
            <a:extLst>
              <a:ext uri="{FF2B5EF4-FFF2-40B4-BE49-F238E27FC236}">
                <a16:creationId xmlns:a16="http://schemas.microsoft.com/office/drawing/2014/main" id="{09D8E50B-F071-B240-4012-541DE0CEDEA4}"/>
              </a:ext>
            </a:extLst>
          </p:cNvPr>
          <p:cNvPicPr>
            <a:picLocks noChangeAspect="1"/>
          </p:cNvPicPr>
          <p:nvPr/>
        </p:nvPicPr>
        <p:blipFill>
          <a:blip r:embed="rId3">
            <a:extLst>
              <a:ext uri="{28A0092B-C50C-407E-A947-70E740481C1C}">
                <a14:useLocalDpi xmlns:a14="http://schemas.microsoft.com/office/drawing/2010/main"/>
              </a:ext>
              <a:ext uri="{96DAC541-7B7A-43D3-8B79-37D633B846F1}">
                <asvg:svgBlip xmlns:asvg="http://schemas.microsoft.com/office/drawing/2016/SVG/main" r:embed="rId4"/>
              </a:ext>
            </a:extLst>
          </a:blip>
          <a:srcRect t="44662"/>
          <a:stretch>
            <a:fillRect/>
          </a:stretch>
        </p:blipFill>
        <p:spPr>
          <a:xfrm rot="12600000" flipH="1" flipV="1">
            <a:off x="7604666" y="-496384"/>
            <a:ext cx="5981677" cy="5441683"/>
          </a:xfrm>
          <a:custGeom>
            <a:avLst/>
            <a:gdLst>
              <a:gd name="connsiteX0" fmla="*/ 4486258 w 4486258"/>
              <a:gd name="connsiteY0" fmla="*/ 4081262 h 4081262"/>
              <a:gd name="connsiteX1" fmla="*/ 0 w 4486258"/>
              <a:gd name="connsiteY1" fmla="*/ 4081262 h 4081262"/>
              <a:gd name="connsiteX2" fmla="*/ 0 w 4486258"/>
              <a:gd name="connsiteY2" fmla="*/ 1412885 h 4081262"/>
              <a:gd name="connsiteX3" fmla="*/ 2447189 w 4486258"/>
              <a:gd name="connsiteY3" fmla="*/ 0 h 4081262"/>
              <a:gd name="connsiteX4" fmla="*/ 4486258 w 4486258"/>
              <a:gd name="connsiteY4" fmla="*/ 3531771 h 40812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6258" h="4081262">
                <a:moveTo>
                  <a:pt x="4486258" y="4081262"/>
                </a:moveTo>
                <a:lnTo>
                  <a:pt x="0" y="4081262"/>
                </a:lnTo>
                <a:lnTo>
                  <a:pt x="0" y="1412885"/>
                </a:lnTo>
                <a:lnTo>
                  <a:pt x="2447189" y="0"/>
                </a:lnTo>
                <a:lnTo>
                  <a:pt x="4486258" y="3531771"/>
                </a:lnTo>
                <a:close/>
              </a:path>
            </a:pathLst>
          </a:custGeom>
        </p:spPr>
      </p:pic>
      <p:sp>
        <p:nvSpPr>
          <p:cNvPr id="4" name="Freeform 3">
            <a:extLst>
              <a:ext uri="{FF2B5EF4-FFF2-40B4-BE49-F238E27FC236}">
                <a16:creationId xmlns:a16="http://schemas.microsoft.com/office/drawing/2014/main" id="{07293888-A0CE-E503-9ACF-D2BB390A8361}"/>
              </a:ext>
            </a:extLst>
          </p:cNvPr>
          <p:cNvSpPr/>
          <p:nvPr/>
        </p:nvSpPr>
        <p:spPr>
          <a:xfrm rot="1800000" flipV="1">
            <a:off x="-1440038" y="-441630"/>
            <a:ext cx="5563380" cy="7484031"/>
          </a:xfrm>
          <a:custGeom>
            <a:avLst/>
            <a:gdLst>
              <a:gd name="connsiteX0" fmla="*/ 62272 w 4172535"/>
              <a:gd name="connsiteY0" fmla="*/ 4346544 h 5613023"/>
              <a:gd name="connsiteX1" fmla="*/ 0 w 4172535"/>
              <a:gd name="connsiteY1" fmla="*/ 4454402 h 5613023"/>
              <a:gd name="connsiteX2" fmla="*/ 18829 w 4172535"/>
              <a:gd name="connsiteY2" fmla="*/ 4465272 h 5613023"/>
              <a:gd name="connsiteX3" fmla="*/ 227587 w 4172535"/>
              <a:gd name="connsiteY3" fmla="*/ 4060210 h 5613023"/>
              <a:gd name="connsiteX4" fmla="*/ 168293 w 4172535"/>
              <a:gd name="connsiteY4" fmla="*/ 4162910 h 5613023"/>
              <a:gd name="connsiteX5" fmla="*/ 112739 w 4172535"/>
              <a:gd name="connsiteY5" fmla="*/ 4351897 h 5613023"/>
              <a:gd name="connsiteX6" fmla="*/ 62003 w 4172535"/>
              <a:gd name="connsiteY6" fmla="*/ 4490199 h 5613023"/>
              <a:gd name="connsiteX7" fmla="*/ 84982 w 4172535"/>
              <a:gd name="connsiteY7" fmla="*/ 4503466 h 5613023"/>
              <a:gd name="connsiteX8" fmla="*/ 124252 w 4172535"/>
              <a:gd name="connsiteY8" fmla="*/ 4399870 h 5613023"/>
              <a:gd name="connsiteX9" fmla="*/ 180222 w 4172535"/>
              <a:gd name="connsiteY9" fmla="*/ 4229554 h 5613023"/>
              <a:gd name="connsiteX10" fmla="*/ 349361 w 4172535"/>
              <a:gd name="connsiteY10" fmla="*/ 3849291 h 5613023"/>
              <a:gd name="connsiteX11" fmla="*/ 307256 w 4172535"/>
              <a:gd name="connsiteY11" fmla="*/ 3922220 h 5613023"/>
              <a:gd name="connsiteX12" fmla="*/ 283428 w 4172535"/>
              <a:gd name="connsiteY12" fmla="*/ 4040264 h 5613023"/>
              <a:gd name="connsiteX13" fmla="*/ 183540 w 4172535"/>
              <a:gd name="connsiteY13" fmla="*/ 4379328 h 5613023"/>
              <a:gd name="connsiteX14" fmla="*/ 128676 w 4172535"/>
              <a:gd name="connsiteY14" fmla="*/ 4528693 h 5613023"/>
              <a:gd name="connsiteX15" fmla="*/ 152243 w 4172535"/>
              <a:gd name="connsiteY15" fmla="*/ 4542299 h 5613023"/>
              <a:gd name="connsiteX16" fmla="*/ 209006 w 4172535"/>
              <a:gd name="connsiteY16" fmla="*/ 4387761 h 5613023"/>
              <a:gd name="connsiteX17" fmla="*/ 309560 w 4172535"/>
              <a:gd name="connsiteY17" fmla="*/ 4046452 h 5613023"/>
              <a:gd name="connsiteX18" fmla="*/ 460489 w 4172535"/>
              <a:gd name="connsiteY18" fmla="*/ 3656812 h 5613023"/>
              <a:gd name="connsiteX19" fmla="*/ 425731 w 4172535"/>
              <a:gd name="connsiteY19" fmla="*/ 3717014 h 5613023"/>
              <a:gd name="connsiteX20" fmla="*/ 423446 w 4172535"/>
              <a:gd name="connsiteY20" fmla="*/ 3733199 h 5613023"/>
              <a:gd name="connsiteX21" fmla="*/ 241141 w 4172535"/>
              <a:gd name="connsiteY21" fmla="*/ 4442964 h 5613023"/>
              <a:gd name="connsiteX22" fmla="*/ 194261 w 4172535"/>
              <a:gd name="connsiteY22" fmla="*/ 4566558 h 5613023"/>
              <a:gd name="connsiteX23" fmla="*/ 218622 w 4172535"/>
              <a:gd name="connsiteY23" fmla="*/ 4580623 h 5613023"/>
              <a:gd name="connsiteX24" fmla="*/ 279664 w 4172535"/>
              <a:gd name="connsiteY24" fmla="*/ 4414785 h 5613023"/>
              <a:gd name="connsiteX25" fmla="*/ 453991 w 4172535"/>
              <a:gd name="connsiteY25" fmla="*/ 3714024 h 5613023"/>
              <a:gd name="connsiteX26" fmla="*/ 558967 w 4172535"/>
              <a:gd name="connsiteY26" fmla="*/ 3486243 h 5613023"/>
              <a:gd name="connsiteX27" fmla="*/ 521924 w 4172535"/>
              <a:gd name="connsiteY27" fmla="*/ 3550404 h 5613023"/>
              <a:gd name="connsiteX28" fmla="*/ 501745 w 4172535"/>
              <a:gd name="connsiteY28" fmla="*/ 3726361 h 5613023"/>
              <a:gd name="connsiteX29" fmla="*/ 262099 w 4172535"/>
              <a:gd name="connsiteY29" fmla="*/ 4604829 h 5613023"/>
              <a:gd name="connsiteX30" fmla="*/ 261797 w 4172535"/>
              <a:gd name="connsiteY30" fmla="*/ 4605550 h 5613023"/>
              <a:gd name="connsiteX31" fmla="*/ 284764 w 4172535"/>
              <a:gd name="connsiteY31" fmla="*/ 4618810 h 5613023"/>
              <a:gd name="connsiteX32" fmla="*/ 338219 w 4172535"/>
              <a:gd name="connsiteY32" fmla="*/ 4477990 h 5613023"/>
              <a:gd name="connsiteX33" fmla="*/ 551110 w 4172535"/>
              <a:gd name="connsiteY33" fmla="*/ 3567414 h 5613023"/>
              <a:gd name="connsiteX34" fmla="*/ 646622 w 4172535"/>
              <a:gd name="connsiteY34" fmla="*/ 3334420 h 5613023"/>
              <a:gd name="connsiteX35" fmla="*/ 617832 w 4172535"/>
              <a:gd name="connsiteY35" fmla="*/ 3384285 h 5613023"/>
              <a:gd name="connsiteX36" fmla="*/ 617588 w 4172535"/>
              <a:gd name="connsiteY36" fmla="*/ 3388871 h 5613023"/>
              <a:gd name="connsiteX37" fmla="*/ 383935 w 4172535"/>
              <a:gd name="connsiteY37" fmla="*/ 4495223 h 5613023"/>
              <a:gd name="connsiteX38" fmla="*/ 327609 w 4172535"/>
              <a:gd name="connsiteY38" fmla="*/ 4643547 h 5613023"/>
              <a:gd name="connsiteX39" fmla="*/ 351451 w 4172535"/>
              <a:gd name="connsiteY39" fmla="*/ 4657312 h 5613023"/>
              <a:gd name="connsiteX40" fmla="*/ 356846 w 4172535"/>
              <a:gd name="connsiteY40" fmla="*/ 4644448 h 5613023"/>
              <a:gd name="connsiteX41" fmla="*/ 645446 w 4172535"/>
              <a:gd name="connsiteY41" fmla="*/ 3375903 h 5613023"/>
              <a:gd name="connsiteX42" fmla="*/ 730691 w 4172535"/>
              <a:gd name="connsiteY42" fmla="*/ 3188808 h 5613023"/>
              <a:gd name="connsiteX43" fmla="*/ 701380 w 4172535"/>
              <a:gd name="connsiteY43" fmla="*/ 3239577 h 5613023"/>
              <a:gd name="connsiteX44" fmla="*/ 693921 w 4172535"/>
              <a:gd name="connsiteY44" fmla="*/ 3384923 h 5613023"/>
              <a:gd name="connsiteX45" fmla="*/ 401748 w 4172535"/>
              <a:gd name="connsiteY45" fmla="*/ 4664677 h 5613023"/>
              <a:gd name="connsiteX46" fmla="*/ 394422 w 4172535"/>
              <a:gd name="connsiteY46" fmla="*/ 4682121 h 5613023"/>
              <a:gd name="connsiteX47" fmla="*/ 417745 w 4172535"/>
              <a:gd name="connsiteY47" fmla="*/ 4695587 h 5613023"/>
              <a:gd name="connsiteX48" fmla="*/ 426742 w 4172535"/>
              <a:gd name="connsiteY48" fmla="*/ 4674163 h 5613023"/>
              <a:gd name="connsiteX49" fmla="*/ 730628 w 4172535"/>
              <a:gd name="connsiteY49" fmla="*/ 3196832 h 5613023"/>
              <a:gd name="connsiteX50" fmla="*/ 807330 w 4172535"/>
              <a:gd name="connsiteY50" fmla="*/ 3056065 h 5613023"/>
              <a:gd name="connsiteX51" fmla="*/ 780192 w 4172535"/>
              <a:gd name="connsiteY51" fmla="*/ 3103069 h 5613023"/>
              <a:gd name="connsiteX52" fmla="*/ 779253 w 4172535"/>
              <a:gd name="connsiteY52" fmla="*/ 3204287 h 5613023"/>
              <a:gd name="connsiteX53" fmla="*/ 471308 w 4172535"/>
              <a:gd name="connsiteY53" fmla="*/ 4694560 h 5613023"/>
              <a:gd name="connsiteX54" fmla="*/ 460496 w 4172535"/>
              <a:gd name="connsiteY54" fmla="*/ 4720269 h 5613023"/>
              <a:gd name="connsiteX55" fmla="*/ 483934 w 4172535"/>
              <a:gd name="connsiteY55" fmla="*/ 4733801 h 5613023"/>
              <a:gd name="connsiteX56" fmla="*/ 496454 w 4172535"/>
              <a:gd name="connsiteY56" fmla="*/ 4704018 h 5613023"/>
              <a:gd name="connsiteX57" fmla="*/ 805972 w 4172535"/>
              <a:gd name="connsiteY57" fmla="*/ 3204773 h 5613023"/>
              <a:gd name="connsiteX58" fmla="*/ 880907 w 4172535"/>
              <a:gd name="connsiteY58" fmla="*/ 2928626 h 5613023"/>
              <a:gd name="connsiteX59" fmla="*/ 855645 w 4172535"/>
              <a:gd name="connsiteY59" fmla="*/ 2972382 h 5613023"/>
              <a:gd name="connsiteX60" fmla="*/ 857303 w 4172535"/>
              <a:gd name="connsiteY60" fmla="*/ 3024249 h 5613023"/>
              <a:gd name="connsiteX61" fmla="*/ 528139 w 4172535"/>
              <a:gd name="connsiteY61" fmla="*/ 4758033 h 5613023"/>
              <a:gd name="connsiteX62" fmla="*/ 527694 w 4172535"/>
              <a:gd name="connsiteY62" fmla="*/ 4759066 h 5613023"/>
              <a:gd name="connsiteX63" fmla="*/ 550219 w 4172535"/>
              <a:gd name="connsiteY63" fmla="*/ 4772071 h 5613023"/>
              <a:gd name="connsiteX64" fmla="*/ 566273 w 4172535"/>
              <a:gd name="connsiteY64" fmla="*/ 4733930 h 5613023"/>
              <a:gd name="connsiteX65" fmla="*/ 883807 w 4172535"/>
              <a:gd name="connsiteY65" fmla="*/ 3016712 h 5613023"/>
              <a:gd name="connsiteX66" fmla="*/ 951864 w 4172535"/>
              <a:gd name="connsiteY66" fmla="*/ 2805726 h 5613023"/>
              <a:gd name="connsiteX67" fmla="*/ 927413 w 4172535"/>
              <a:gd name="connsiteY67" fmla="*/ 2848077 h 5613023"/>
              <a:gd name="connsiteX68" fmla="*/ 932896 w 4172535"/>
              <a:gd name="connsiteY68" fmla="*/ 3022413 h 5613023"/>
              <a:gd name="connsiteX69" fmla="*/ 610957 w 4172535"/>
              <a:gd name="connsiteY69" fmla="*/ 4754281 h 5613023"/>
              <a:gd name="connsiteX70" fmla="*/ 593042 w 4172535"/>
              <a:gd name="connsiteY70" fmla="*/ 4796794 h 5613023"/>
              <a:gd name="connsiteX71" fmla="*/ 616824 w 4172535"/>
              <a:gd name="connsiteY71" fmla="*/ 4810525 h 5613023"/>
              <a:gd name="connsiteX72" fmla="*/ 622931 w 4172535"/>
              <a:gd name="connsiteY72" fmla="*/ 4796343 h 5613023"/>
              <a:gd name="connsiteX73" fmla="*/ 953346 w 4172535"/>
              <a:gd name="connsiteY73" fmla="*/ 2825539 h 5613023"/>
              <a:gd name="connsiteX74" fmla="*/ 1019429 w 4172535"/>
              <a:gd name="connsiteY74" fmla="*/ 2688699 h 5613023"/>
              <a:gd name="connsiteX75" fmla="*/ 995719 w 4172535"/>
              <a:gd name="connsiteY75" fmla="*/ 2729766 h 5613023"/>
              <a:gd name="connsiteX76" fmla="*/ 1003014 w 4172535"/>
              <a:gd name="connsiteY76" fmla="*/ 2828894 h 5613023"/>
              <a:gd name="connsiteX77" fmla="*/ 667785 w 4172535"/>
              <a:gd name="connsiteY77" fmla="*/ 4814483 h 5613023"/>
              <a:gd name="connsiteX78" fmla="*/ 659007 w 4172535"/>
              <a:gd name="connsiteY78" fmla="*/ 4834879 h 5613023"/>
              <a:gd name="connsiteX79" fmla="*/ 682690 w 4172535"/>
              <a:gd name="connsiteY79" fmla="*/ 4848553 h 5613023"/>
              <a:gd name="connsiteX80" fmla="*/ 705857 w 4172535"/>
              <a:gd name="connsiteY80" fmla="*/ 4793626 h 5613023"/>
              <a:gd name="connsiteX81" fmla="*/ 1029449 w 4172535"/>
              <a:gd name="connsiteY81" fmla="*/ 2824510 h 5613023"/>
              <a:gd name="connsiteX82" fmla="*/ 1087606 w 4172535"/>
              <a:gd name="connsiteY82" fmla="*/ 2570614 h 5613023"/>
              <a:gd name="connsiteX83" fmla="*/ 1063055 w 4172535"/>
              <a:gd name="connsiteY83" fmla="*/ 2613137 h 5613023"/>
              <a:gd name="connsiteX84" fmla="*/ 1063756 w 4172535"/>
              <a:gd name="connsiteY84" fmla="*/ 2624143 h 5613023"/>
              <a:gd name="connsiteX85" fmla="*/ 750752 w 4172535"/>
              <a:gd name="connsiteY85" fmla="*/ 4813477 h 5613023"/>
              <a:gd name="connsiteX86" fmla="*/ 725512 w 4172535"/>
              <a:gd name="connsiteY86" fmla="*/ 4873276 h 5613023"/>
              <a:gd name="connsiteX87" fmla="*/ 748940 w 4172535"/>
              <a:gd name="connsiteY87" fmla="*/ 4886803 h 5613023"/>
              <a:gd name="connsiteX88" fmla="*/ 775752 w 4172535"/>
              <a:gd name="connsiteY88" fmla="*/ 4823294 h 5613023"/>
              <a:gd name="connsiteX89" fmla="*/ 1090844 w 4172535"/>
              <a:gd name="connsiteY89" fmla="*/ 2621241 h 5613023"/>
              <a:gd name="connsiteX90" fmla="*/ 1156978 w 4172535"/>
              <a:gd name="connsiteY90" fmla="*/ 2450457 h 5613023"/>
              <a:gd name="connsiteX91" fmla="*/ 1131997 w 4172535"/>
              <a:gd name="connsiteY91" fmla="*/ 2493726 h 5613023"/>
              <a:gd name="connsiteX92" fmla="*/ 1140222 w 4172535"/>
              <a:gd name="connsiteY92" fmla="*/ 2623449 h 5613023"/>
              <a:gd name="connsiteX93" fmla="*/ 809298 w 4172535"/>
              <a:gd name="connsiteY93" fmla="*/ 4871887 h 5613023"/>
              <a:gd name="connsiteX94" fmla="*/ 792129 w 4172535"/>
              <a:gd name="connsiteY94" fmla="*/ 4911737 h 5613023"/>
              <a:gd name="connsiteX95" fmla="*/ 815134 w 4172535"/>
              <a:gd name="connsiteY95" fmla="*/ 4925020 h 5613023"/>
              <a:gd name="connsiteX96" fmla="*/ 845537 w 4172535"/>
              <a:gd name="connsiteY96" fmla="*/ 4853078 h 5613023"/>
              <a:gd name="connsiteX97" fmla="*/ 1166995 w 4172535"/>
              <a:gd name="connsiteY97" fmla="*/ 2620736 h 5613023"/>
              <a:gd name="connsiteX98" fmla="*/ 1156702 w 4172535"/>
              <a:gd name="connsiteY98" fmla="*/ 2459128 h 5613023"/>
              <a:gd name="connsiteX99" fmla="*/ 1238758 w 4172535"/>
              <a:gd name="connsiteY99" fmla="*/ 2308811 h 5613023"/>
              <a:gd name="connsiteX100" fmla="*/ 1209588 w 4172535"/>
              <a:gd name="connsiteY100" fmla="*/ 2359334 h 5613023"/>
              <a:gd name="connsiteX101" fmla="*/ 1207057 w 4172535"/>
              <a:gd name="connsiteY101" fmla="*/ 2478050 h 5613023"/>
              <a:gd name="connsiteX102" fmla="*/ 1216815 w 4172535"/>
              <a:gd name="connsiteY102" fmla="*/ 2622818 h 5613023"/>
              <a:gd name="connsiteX103" fmla="*/ 890528 w 4172535"/>
              <a:gd name="connsiteY103" fmla="*/ 4873252 h 5613023"/>
              <a:gd name="connsiteX104" fmla="*/ 858123 w 4172535"/>
              <a:gd name="connsiteY104" fmla="*/ 4949839 h 5613023"/>
              <a:gd name="connsiteX105" fmla="*/ 881493 w 4172535"/>
              <a:gd name="connsiteY105" fmla="*/ 4963332 h 5613023"/>
              <a:gd name="connsiteX106" fmla="*/ 915426 w 4172535"/>
              <a:gd name="connsiteY106" fmla="*/ 4883102 h 5613023"/>
              <a:gd name="connsiteX107" fmla="*/ 1243146 w 4172535"/>
              <a:gd name="connsiteY107" fmla="*/ 2620042 h 5613023"/>
              <a:gd name="connsiteX108" fmla="*/ 1238338 w 4172535"/>
              <a:gd name="connsiteY108" fmla="*/ 2312096 h 5613023"/>
              <a:gd name="connsiteX109" fmla="*/ 1344033 w 4172535"/>
              <a:gd name="connsiteY109" fmla="*/ 2126470 h 5613023"/>
              <a:gd name="connsiteX110" fmla="*/ 1303102 w 4172535"/>
              <a:gd name="connsiteY110" fmla="*/ 2197364 h 5613023"/>
              <a:gd name="connsiteX111" fmla="*/ 1287693 w 4172535"/>
              <a:gd name="connsiteY111" fmla="*/ 2320151 h 5613023"/>
              <a:gd name="connsiteX112" fmla="*/ 1292713 w 4172535"/>
              <a:gd name="connsiteY112" fmla="*/ 2622251 h 5613023"/>
              <a:gd name="connsiteX113" fmla="*/ 950323 w 4172535"/>
              <a:gd name="connsiteY113" fmla="*/ 4929610 h 5613023"/>
              <a:gd name="connsiteX114" fmla="*/ 924996 w 4172535"/>
              <a:gd name="connsiteY114" fmla="*/ 4988449 h 5613023"/>
              <a:gd name="connsiteX115" fmla="*/ 947558 w 4172535"/>
              <a:gd name="connsiteY115" fmla="*/ 5001474 h 5613023"/>
              <a:gd name="connsiteX116" fmla="*/ 985197 w 4172535"/>
              <a:gd name="connsiteY116" fmla="*/ 4912579 h 5613023"/>
              <a:gd name="connsiteX117" fmla="*/ 1319423 w 4172535"/>
              <a:gd name="connsiteY117" fmla="*/ 2619222 h 5613023"/>
              <a:gd name="connsiteX118" fmla="*/ 1332505 w 4172535"/>
              <a:gd name="connsiteY118" fmla="*/ 2178432 h 5613023"/>
              <a:gd name="connsiteX119" fmla="*/ 4156577 w 4172535"/>
              <a:gd name="connsiteY119" fmla="*/ 1830102 h 5613023"/>
              <a:gd name="connsiteX120" fmla="*/ 2923326 w 4172535"/>
              <a:gd name="connsiteY120" fmla="*/ 2069399 h 5613023"/>
              <a:gd name="connsiteX121" fmla="*/ 2511316 w 4172535"/>
              <a:gd name="connsiteY121" fmla="*/ 2611967 h 5613023"/>
              <a:gd name="connsiteX122" fmla="*/ 2076162 w 4172535"/>
              <a:gd name="connsiteY122" fmla="*/ 5382760 h 5613023"/>
              <a:gd name="connsiteX123" fmla="*/ 1983331 w 4172535"/>
              <a:gd name="connsiteY123" fmla="*/ 5599479 h 5613023"/>
              <a:gd name="connsiteX124" fmla="*/ 2006791 w 4172535"/>
              <a:gd name="connsiteY124" fmla="*/ 5613023 h 5613023"/>
              <a:gd name="connsiteX125" fmla="*/ 2101170 w 4172535"/>
              <a:gd name="connsiteY125" fmla="*/ 5392672 h 5613023"/>
              <a:gd name="connsiteX126" fmla="*/ 2538151 w 4172535"/>
              <a:gd name="connsiteY126" fmla="*/ 2609822 h 5613023"/>
              <a:gd name="connsiteX127" fmla="*/ 2928440 w 4172535"/>
              <a:gd name="connsiteY127" fmla="*/ 2095581 h 5613023"/>
              <a:gd name="connsiteX128" fmla="*/ 4161565 w 4172535"/>
              <a:gd name="connsiteY128" fmla="*/ 1856536 h 5613023"/>
              <a:gd name="connsiteX129" fmla="*/ 4172300 w 4172535"/>
              <a:gd name="connsiteY129" fmla="*/ 1840827 h 5613023"/>
              <a:gd name="connsiteX130" fmla="*/ 4156577 w 4172535"/>
              <a:gd name="connsiteY130" fmla="*/ 1830102 h 5613023"/>
              <a:gd name="connsiteX131" fmla="*/ 4142054 w 4172535"/>
              <a:gd name="connsiteY131" fmla="*/ 1755909 h 5613023"/>
              <a:gd name="connsiteX132" fmla="*/ 2900089 w 4172535"/>
              <a:gd name="connsiteY132" fmla="*/ 1996973 h 5613023"/>
              <a:gd name="connsiteX133" fmla="*/ 2435102 w 4172535"/>
              <a:gd name="connsiteY133" fmla="*/ 2612913 h 5613023"/>
              <a:gd name="connsiteX134" fmla="*/ 2006426 w 4172535"/>
              <a:gd name="connsiteY134" fmla="*/ 5352842 h 5613023"/>
              <a:gd name="connsiteX135" fmla="*/ 1917182 w 4172535"/>
              <a:gd name="connsiteY135" fmla="*/ 5561287 h 5613023"/>
              <a:gd name="connsiteX136" fmla="*/ 1940628 w 4172535"/>
              <a:gd name="connsiteY136" fmla="*/ 5574824 h 5613023"/>
              <a:gd name="connsiteX137" fmla="*/ 2031374 w 4172535"/>
              <a:gd name="connsiteY137" fmla="*/ 5362840 h 5613023"/>
              <a:gd name="connsiteX138" fmla="*/ 2461874 w 4172535"/>
              <a:gd name="connsiteY138" fmla="*/ 2610453 h 5613023"/>
              <a:gd name="connsiteX139" fmla="*/ 2905140 w 4172535"/>
              <a:gd name="connsiteY139" fmla="*/ 2022965 h 5613023"/>
              <a:gd name="connsiteX140" fmla="*/ 4147106 w 4172535"/>
              <a:gd name="connsiteY140" fmla="*/ 1782343 h 5613023"/>
              <a:gd name="connsiteX141" fmla="*/ 4157809 w 4172535"/>
              <a:gd name="connsiteY141" fmla="*/ 1766602 h 5613023"/>
              <a:gd name="connsiteX142" fmla="*/ 4142054 w 4172535"/>
              <a:gd name="connsiteY142" fmla="*/ 1755909 h 5613023"/>
              <a:gd name="connsiteX143" fmla="*/ 4127532 w 4172535"/>
              <a:gd name="connsiteY143" fmla="*/ 1681085 h 5613023"/>
              <a:gd name="connsiteX144" fmla="*/ 2876663 w 4172535"/>
              <a:gd name="connsiteY144" fmla="*/ 1923789 h 5613023"/>
              <a:gd name="connsiteX145" fmla="*/ 2358888 w 4172535"/>
              <a:gd name="connsiteY145" fmla="*/ 2612913 h 5613023"/>
              <a:gd name="connsiteX146" fmla="*/ 1936789 w 4172535"/>
              <a:gd name="connsiteY146" fmla="*/ 5322697 h 5613023"/>
              <a:gd name="connsiteX147" fmla="*/ 1851066 w 4172535"/>
              <a:gd name="connsiteY147" fmla="*/ 5523115 h 5613023"/>
              <a:gd name="connsiteX148" fmla="*/ 1874811 w 4172535"/>
              <a:gd name="connsiteY148" fmla="*/ 5536824 h 5613023"/>
              <a:gd name="connsiteX149" fmla="*/ 1961982 w 4172535"/>
              <a:gd name="connsiteY149" fmla="*/ 5333022 h 5613023"/>
              <a:gd name="connsiteX150" fmla="*/ 2386102 w 4172535"/>
              <a:gd name="connsiteY150" fmla="*/ 2611210 h 5613023"/>
              <a:gd name="connsiteX151" fmla="*/ 2882282 w 4172535"/>
              <a:gd name="connsiteY151" fmla="*/ 1950476 h 5613023"/>
              <a:gd name="connsiteX152" fmla="*/ 4132772 w 4172535"/>
              <a:gd name="connsiteY152" fmla="*/ 1707456 h 5613023"/>
              <a:gd name="connsiteX153" fmla="*/ 4143254 w 4172535"/>
              <a:gd name="connsiteY153" fmla="*/ 1691810 h 5613023"/>
              <a:gd name="connsiteX154" fmla="*/ 4127532 w 4172535"/>
              <a:gd name="connsiteY154" fmla="*/ 1681085 h 5613023"/>
              <a:gd name="connsiteX155" fmla="*/ 4113008 w 4172535"/>
              <a:gd name="connsiteY155" fmla="*/ 1606639 h 5613023"/>
              <a:gd name="connsiteX156" fmla="*/ 2853615 w 4172535"/>
              <a:gd name="connsiteY156" fmla="*/ 1851363 h 5613023"/>
              <a:gd name="connsiteX157" fmla="*/ 2282737 w 4172535"/>
              <a:gd name="connsiteY157" fmla="*/ 2614049 h 5613023"/>
              <a:gd name="connsiteX158" fmla="*/ 1867344 w 4172535"/>
              <a:gd name="connsiteY158" fmla="*/ 5291602 h 5613023"/>
              <a:gd name="connsiteX159" fmla="*/ 1784711 w 4172535"/>
              <a:gd name="connsiteY159" fmla="*/ 5484805 h 5613023"/>
              <a:gd name="connsiteX160" fmla="*/ 1808169 w 4172535"/>
              <a:gd name="connsiteY160" fmla="*/ 5498348 h 5613023"/>
              <a:gd name="connsiteX161" fmla="*/ 1891761 w 4172535"/>
              <a:gd name="connsiteY161" fmla="*/ 5302825 h 5613023"/>
              <a:gd name="connsiteX162" fmla="*/ 2309447 w 4172535"/>
              <a:gd name="connsiteY162" fmla="*/ 2611651 h 5613023"/>
              <a:gd name="connsiteX163" fmla="*/ 2858793 w 4172535"/>
              <a:gd name="connsiteY163" fmla="*/ 1877608 h 5613023"/>
              <a:gd name="connsiteX164" fmla="*/ 4117997 w 4172535"/>
              <a:gd name="connsiteY164" fmla="*/ 1633074 h 5613023"/>
              <a:gd name="connsiteX165" fmla="*/ 4128731 w 4172535"/>
              <a:gd name="connsiteY165" fmla="*/ 1617364 h 5613023"/>
              <a:gd name="connsiteX166" fmla="*/ 4113008 w 4172535"/>
              <a:gd name="connsiteY166" fmla="*/ 1606639 h 5613023"/>
              <a:gd name="connsiteX167" fmla="*/ 4098549 w 4172535"/>
              <a:gd name="connsiteY167" fmla="*/ 1532257 h 5613023"/>
              <a:gd name="connsiteX168" fmla="*/ 2830379 w 4172535"/>
              <a:gd name="connsiteY168" fmla="*/ 1778621 h 5613023"/>
              <a:gd name="connsiteX169" fmla="*/ 2206649 w 4172535"/>
              <a:gd name="connsiteY169" fmla="*/ 2614554 h 5613023"/>
              <a:gd name="connsiteX170" fmla="*/ 1797500 w 4172535"/>
              <a:gd name="connsiteY170" fmla="*/ 5261699 h 5613023"/>
              <a:gd name="connsiteX171" fmla="*/ 1718479 w 4172535"/>
              <a:gd name="connsiteY171" fmla="*/ 5446566 h 5613023"/>
              <a:gd name="connsiteX172" fmla="*/ 1742049 w 4172535"/>
              <a:gd name="connsiteY172" fmla="*/ 5460174 h 5613023"/>
              <a:gd name="connsiteX173" fmla="*/ 1822545 w 4172535"/>
              <a:gd name="connsiteY173" fmla="*/ 5271824 h 5613023"/>
              <a:gd name="connsiteX174" fmla="*/ 2233422 w 4172535"/>
              <a:gd name="connsiteY174" fmla="*/ 2612535 h 5613023"/>
              <a:gd name="connsiteX175" fmla="*/ 2835556 w 4172535"/>
              <a:gd name="connsiteY175" fmla="*/ 1804992 h 5613023"/>
              <a:gd name="connsiteX176" fmla="*/ 4103726 w 4172535"/>
              <a:gd name="connsiteY176" fmla="*/ 1558502 h 5613023"/>
              <a:gd name="connsiteX177" fmla="*/ 4104232 w 4172535"/>
              <a:gd name="connsiteY177" fmla="*/ 1558502 h 5613023"/>
              <a:gd name="connsiteX178" fmla="*/ 4114088 w 4172535"/>
              <a:gd name="connsiteY178" fmla="*/ 1543209 h 5613023"/>
              <a:gd name="connsiteX179" fmla="*/ 4098549 w 4172535"/>
              <a:gd name="connsiteY179" fmla="*/ 1532257 h 5613023"/>
              <a:gd name="connsiteX180" fmla="*/ 4084089 w 4172535"/>
              <a:gd name="connsiteY180" fmla="*/ 1457812 h 5613023"/>
              <a:gd name="connsiteX181" fmla="*/ 2807205 w 4172535"/>
              <a:gd name="connsiteY181" fmla="*/ 1705942 h 5613023"/>
              <a:gd name="connsiteX182" fmla="*/ 2130120 w 4172535"/>
              <a:gd name="connsiteY182" fmla="*/ 2615248 h 5613023"/>
              <a:gd name="connsiteX183" fmla="*/ 1727599 w 4172535"/>
              <a:gd name="connsiteY183" fmla="*/ 5231668 h 5613023"/>
              <a:gd name="connsiteX184" fmla="*/ 1652165 w 4172535"/>
              <a:gd name="connsiteY184" fmla="*/ 5408280 h 5613023"/>
              <a:gd name="connsiteX185" fmla="*/ 1675819 w 4172535"/>
              <a:gd name="connsiteY185" fmla="*/ 5421936 h 5613023"/>
              <a:gd name="connsiteX186" fmla="*/ 1752828 w 4172535"/>
              <a:gd name="connsiteY186" fmla="*/ 5241619 h 5613023"/>
              <a:gd name="connsiteX187" fmla="*/ 2157208 w 4172535"/>
              <a:gd name="connsiteY187" fmla="*/ 2612913 h 5613023"/>
              <a:gd name="connsiteX188" fmla="*/ 2812383 w 4172535"/>
              <a:gd name="connsiteY188" fmla="*/ 1732250 h 5613023"/>
              <a:gd name="connsiteX189" fmla="*/ 4089267 w 4172535"/>
              <a:gd name="connsiteY189" fmla="*/ 1484057 h 5613023"/>
              <a:gd name="connsiteX190" fmla="*/ 4099812 w 4172535"/>
              <a:gd name="connsiteY190" fmla="*/ 1468347 h 5613023"/>
              <a:gd name="connsiteX191" fmla="*/ 4084089 w 4172535"/>
              <a:gd name="connsiteY191" fmla="*/ 1457812 h 5613023"/>
              <a:gd name="connsiteX192" fmla="*/ 4069376 w 4172535"/>
              <a:gd name="connsiteY192" fmla="*/ 1383366 h 5613023"/>
              <a:gd name="connsiteX193" fmla="*/ 2784031 w 4172535"/>
              <a:gd name="connsiteY193" fmla="*/ 1633263 h 5613023"/>
              <a:gd name="connsiteX194" fmla="*/ 2054348 w 4172535"/>
              <a:gd name="connsiteY194" fmla="*/ 2615815 h 5613023"/>
              <a:gd name="connsiteX195" fmla="*/ 1657855 w 4172535"/>
              <a:gd name="connsiteY195" fmla="*/ 5201853 h 5613023"/>
              <a:gd name="connsiteX196" fmla="*/ 1586024 w 4172535"/>
              <a:gd name="connsiteY196" fmla="*/ 5370093 h 5613023"/>
              <a:gd name="connsiteX197" fmla="*/ 1609720 w 4172535"/>
              <a:gd name="connsiteY197" fmla="*/ 5383774 h 5613023"/>
              <a:gd name="connsiteX198" fmla="*/ 1683084 w 4172535"/>
              <a:gd name="connsiteY198" fmla="*/ 5211857 h 5613023"/>
              <a:gd name="connsiteX199" fmla="*/ 2081120 w 4172535"/>
              <a:gd name="connsiteY199" fmla="*/ 2613355 h 5613023"/>
              <a:gd name="connsiteX200" fmla="*/ 2789209 w 4172535"/>
              <a:gd name="connsiteY200" fmla="*/ 1659571 h 5613023"/>
              <a:gd name="connsiteX201" fmla="*/ 4074491 w 4172535"/>
              <a:gd name="connsiteY201" fmla="*/ 1409611 h 5613023"/>
              <a:gd name="connsiteX202" fmla="*/ 4075274 w 4172535"/>
              <a:gd name="connsiteY202" fmla="*/ 1409460 h 5613023"/>
              <a:gd name="connsiteX203" fmla="*/ 4085383 w 4172535"/>
              <a:gd name="connsiteY203" fmla="*/ 1393467 h 5613023"/>
              <a:gd name="connsiteX204" fmla="*/ 4069376 w 4172535"/>
              <a:gd name="connsiteY204" fmla="*/ 1383366 h 5613023"/>
              <a:gd name="connsiteX205" fmla="*/ 4055485 w 4172535"/>
              <a:gd name="connsiteY205" fmla="*/ 1308858 h 5613023"/>
              <a:gd name="connsiteX206" fmla="*/ 2761047 w 4172535"/>
              <a:gd name="connsiteY206" fmla="*/ 1560584 h 5613023"/>
              <a:gd name="connsiteX207" fmla="*/ 1978070 w 4172535"/>
              <a:gd name="connsiteY207" fmla="*/ 2616509 h 5613023"/>
              <a:gd name="connsiteX208" fmla="*/ 1588386 w 4172535"/>
              <a:gd name="connsiteY208" fmla="*/ 5171785 h 5613023"/>
              <a:gd name="connsiteX209" fmla="*/ 1520054 w 4172535"/>
              <a:gd name="connsiteY209" fmla="*/ 5332005 h 5613023"/>
              <a:gd name="connsiteX210" fmla="*/ 1543390 w 4172535"/>
              <a:gd name="connsiteY210" fmla="*/ 5345478 h 5613023"/>
              <a:gd name="connsiteX211" fmla="*/ 1613243 w 4172535"/>
              <a:gd name="connsiteY211" fmla="*/ 5181688 h 5613023"/>
              <a:gd name="connsiteX212" fmla="*/ 2004906 w 4172535"/>
              <a:gd name="connsiteY212" fmla="*/ 2613986 h 5613023"/>
              <a:gd name="connsiteX213" fmla="*/ 2766225 w 4172535"/>
              <a:gd name="connsiteY213" fmla="*/ 1586955 h 5613023"/>
              <a:gd name="connsiteX214" fmla="*/ 4060663 w 4172535"/>
              <a:gd name="connsiteY214" fmla="*/ 1335166 h 5613023"/>
              <a:gd name="connsiteX215" fmla="*/ 4071239 w 4172535"/>
              <a:gd name="connsiteY215" fmla="*/ 1319425 h 5613023"/>
              <a:gd name="connsiteX216" fmla="*/ 4055485 w 4172535"/>
              <a:gd name="connsiteY216" fmla="*/ 1308858 h 5613023"/>
              <a:gd name="connsiteX217" fmla="*/ 4040583 w 4172535"/>
              <a:gd name="connsiteY217" fmla="*/ 1234349 h 5613023"/>
              <a:gd name="connsiteX218" fmla="*/ 2737558 w 4172535"/>
              <a:gd name="connsiteY218" fmla="*/ 1487779 h 5613023"/>
              <a:gd name="connsiteX219" fmla="*/ 1901983 w 4172535"/>
              <a:gd name="connsiteY219" fmla="*/ 2617077 h 5613023"/>
              <a:gd name="connsiteX220" fmla="*/ 1518537 w 4172535"/>
              <a:gd name="connsiteY220" fmla="*/ 5142023 h 5613023"/>
              <a:gd name="connsiteX221" fmla="*/ 1453858 w 4172535"/>
              <a:gd name="connsiteY221" fmla="*/ 5293787 h 5613023"/>
              <a:gd name="connsiteX222" fmla="*/ 1477338 w 4172535"/>
              <a:gd name="connsiteY222" fmla="*/ 5307343 h 5613023"/>
              <a:gd name="connsiteX223" fmla="*/ 1543580 w 4172535"/>
              <a:gd name="connsiteY223" fmla="*/ 5151912 h 5613023"/>
              <a:gd name="connsiteX224" fmla="*/ 1928819 w 4172535"/>
              <a:gd name="connsiteY224" fmla="*/ 2614617 h 5613023"/>
              <a:gd name="connsiteX225" fmla="*/ 2742799 w 4172535"/>
              <a:gd name="connsiteY225" fmla="*/ 1514213 h 5613023"/>
              <a:gd name="connsiteX226" fmla="*/ 4045761 w 4172535"/>
              <a:gd name="connsiteY226" fmla="*/ 1260594 h 5613023"/>
              <a:gd name="connsiteX227" fmla="*/ 4056432 w 4172535"/>
              <a:gd name="connsiteY227" fmla="*/ 1244822 h 5613023"/>
              <a:gd name="connsiteX228" fmla="*/ 4056413 w 4172535"/>
              <a:gd name="connsiteY228" fmla="*/ 1244728 h 5613023"/>
              <a:gd name="connsiteX229" fmla="*/ 4040583 w 4172535"/>
              <a:gd name="connsiteY229" fmla="*/ 1234349 h 5613023"/>
              <a:gd name="connsiteX230" fmla="*/ 4026060 w 4172535"/>
              <a:gd name="connsiteY230" fmla="*/ 1160030 h 5613023"/>
              <a:gd name="connsiteX231" fmla="*/ 2714447 w 4172535"/>
              <a:gd name="connsiteY231" fmla="*/ 1415290 h 5613023"/>
              <a:gd name="connsiteX232" fmla="*/ 1825769 w 4172535"/>
              <a:gd name="connsiteY232" fmla="*/ 2617708 h 5613023"/>
              <a:gd name="connsiteX233" fmla="*/ 1448574 w 4172535"/>
              <a:gd name="connsiteY233" fmla="*/ 5111997 h 5613023"/>
              <a:gd name="connsiteX234" fmla="*/ 1387467 w 4172535"/>
              <a:gd name="connsiteY234" fmla="*/ 5255456 h 5613023"/>
              <a:gd name="connsiteX235" fmla="*/ 1410985 w 4172535"/>
              <a:gd name="connsiteY235" fmla="*/ 5269034 h 5613023"/>
              <a:gd name="connsiteX236" fmla="*/ 1473684 w 4172535"/>
              <a:gd name="connsiteY236" fmla="*/ 5121789 h 5613023"/>
              <a:gd name="connsiteX237" fmla="*/ 1852542 w 4172535"/>
              <a:gd name="connsiteY237" fmla="*/ 2615058 h 5613023"/>
              <a:gd name="connsiteX238" fmla="*/ 2719625 w 4172535"/>
              <a:gd name="connsiteY238" fmla="*/ 1441598 h 5613023"/>
              <a:gd name="connsiteX239" fmla="*/ 4031301 w 4172535"/>
              <a:gd name="connsiteY239" fmla="*/ 1186338 h 5613023"/>
              <a:gd name="connsiteX240" fmla="*/ 4041909 w 4172535"/>
              <a:gd name="connsiteY240" fmla="*/ 1170566 h 5613023"/>
              <a:gd name="connsiteX241" fmla="*/ 4026060 w 4172535"/>
              <a:gd name="connsiteY241" fmla="*/ 1160030 h 5613023"/>
              <a:gd name="connsiteX242" fmla="*/ 4011537 w 4172535"/>
              <a:gd name="connsiteY242" fmla="*/ 1085522 h 5613023"/>
              <a:gd name="connsiteX243" fmla="*/ 2690895 w 4172535"/>
              <a:gd name="connsiteY243" fmla="*/ 1342800 h 5613023"/>
              <a:gd name="connsiteX244" fmla="*/ 1749302 w 4172535"/>
              <a:gd name="connsiteY244" fmla="*/ 2618528 h 5613023"/>
              <a:gd name="connsiteX245" fmla="*/ 1378644 w 4172535"/>
              <a:gd name="connsiteY245" fmla="*/ 5082431 h 5613023"/>
              <a:gd name="connsiteX246" fmla="*/ 1321276 w 4172535"/>
              <a:gd name="connsiteY246" fmla="*/ 5217241 h 5613023"/>
              <a:gd name="connsiteX247" fmla="*/ 1344809 w 4172535"/>
              <a:gd name="connsiteY247" fmla="*/ 5230828 h 5613023"/>
              <a:gd name="connsiteX248" fmla="*/ 1403833 w 4172535"/>
              <a:gd name="connsiteY248" fmla="*/ 5092118 h 5613023"/>
              <a:gd name="connsiteX249" fmla="*/ 1776327 w 4172535"/>
              <a:gd name="connsiteY249" fmla="*/ 2615879 h 5613023"/>
              <a:gd name="connsiteX250" fmla="*/ 2696325 w 4172535"/>
              <a:gd name="connsiteY250" fmla="*/ 1368919 h 5613023"/>
              <a:gd name="connsiteX251" fmla="*/ 4016715 w 4172535"/>
              <a:gd name="connsiteY251" fmla="*/ 1111767 h 5613023"/>
              <a:gd name="connsiteX252" fmla="*/ 4027386 w 4172535"/>
              <a:gd name="connsiteY252" fmla="*/ 1095995 h 5613023"/>
              <a:gd name="connsiteX253" fmla="*/ 4011537 w 4172535"/>
              <a:gd name="connsiteY253" fmla="*/ 1085522 h 5613023"/>
              <a:gd name="connsiteX254" fmla="*/ 3996825 w 4172535"/>
              <a:gd name="connsiteY254" fmla="*/ 1011203 h 5613023"/>
              <a:gd name="connsiteX255" fmla="*/ 2667595 w 4172535"/>
              <a:gd name="connsiteY255" fmla="*/ 1269869 h 5613023"/>
              <a:gd name="connsiteX256" fmla="*/ 1673467 w 4172535"/>
              <a:gd name="connsiteY256" fmla="*/ 2618844 h 5613023"/>
              <a:gd name="connsiteX257" fmla="*/ 1309084 w 4172535"/>
              <a:gd name="connsiteY257" fmla="*/ 5052141 h 5613023"/>
              <a:gd name="connsiteX258" fmla="*/ 1255123 w 4172535"/>
              <a:gd name="connsiteY258" fmla="*/ 5179047 h 5613023"/>
              <a:gd name="connsiteX259" fmla="*/ 1278582 w 4172535"/>
              <a:gd name="connsiteY259" fmla="*/ 5192591 h 5613023"/>
              <a:gd name="connsiteX260" fmla="*/ 1334058 w 4172535"/>
              <a:gd name="connsiteY260" fmla="*/ 5062112 h 5613023"/>
              <a:gd name="connsiteX261" fmla="*/ 1700177 w 4172535"/>
              <a:gd name="connsiteY261" fmla="*/ 2616383 h 5613023"/>
              <a:gd name="connsiteX262" fmla="*/ 2672899 w 4172535"/>
              <a:gd name="connsiteY262" fmla="*/ 1296114 h 5613023"/>
              <a:gd name="connsiteX263" fmla="*/ 4002003 w 4172535"/>
              <a:gd name="connsiteY263" fmla="*/ 1037448 h 5613023"/>
              <a:gd name="connsiteX264" fmla="*/ 4012674 w 4172535"/>
              <a:gd name="connsiteY264" fmla="*/ 1021675 h 5613023"/>
              <a:gd name="connsiteX265" fmla="*/ 3996825 w 4172535"/>
              <a:gd name="connsiteY265" fmla="*/ 1011203 h 5613023"/>
              <a:gd name="connsiteX266" fmla="*/ 3982491 w 4172535"/>
              <a:gd name="connsiteY266" fmla="*/ 936505 h 5613023"/>
              <a:gd name="connsiteX267" fmla="*/ 2644611 w 4172535"/>
              <a:gd name="connsiteY267" fmla="*/ 1197190 h 5613023"/>
              <a:gd name="connsiteX268" fmla="*/ 1597253 w 4172535"/>
              <a:gd name="connsiteY268" fmla="*/ 2619601 h 5613023"/>
              <a:gd name="connsiteX269" fmla="*/ 1239304 w 4172535"/>
              <a:gd name="connsiteY269" fmla="*/ 5022579 h 5613023"/>
              <a:gd name="connsiteX270" fmla="*/ 1189037 w 4172535"/>
              <a:gd name="connsiteY270" fmla="*/ 5140893 h 5613023"/>
              <a:gd name="connsiteX271" fmla="*/ 1212404 w 4172535"/>
              <a:gd name="connsiteY271" fmla="*/ 5154384 h 5613023"/>
              <a:gd name="connsiteX272" fmla="*/ 1264254 w 4172535"/>
              <a:gd name="connsiteY272" fmla="*/ 5032331 h 5613023"/>
              <a:gd name="connsiteX273" fmla="*/ 1624026 w 4172535"/>
              <a:gd name="connsiteY273" fmla="*/ 2616888 h 5613023"/>
              <a:gd name="connsiteX274" fmla="*/ 2649915 w 4172535"/>
              <a:gd name="connsiteY274" fmla="*/ 1223561 h 5613023"/>
              <a:gd name="connsiteX275" fmla="*/ 3987921 w 4172535"/>
              <a:gd name="connsiteY275" fmla="*/ 962687 h 5613023"/>
              <a:gd name="connsiteX276" fmla="*/ 3998340 w 4172535"/>
              <a:gd name="connsiteY276" fmla="*/ 947041 h 5613023"/>
              <a:gd name="connsiteX277" fmla="*/ 3982491 w 4172535"/>
              <a:gd name="connsiteY277" fmla="*/ 936505 h 5613023"/>
              <a:gd name="connsiteX278" fmla="*/ 3968347 w 4172535"/>
              <a:gd name="connsiteY278" fmla="*/ 862123 h 5613023"/>
              <a:gd name="connsiteX279" fmla="*/ 2621501 w 4172535"/>
              <a:gd name="connsiteY279" fmla="*/ 1124889 h 5613023"/>
              <a:gd name="connsiteX280" fmla="*/ 1521166 w 4172535"/>
              <a:gd name="connsiteY280" fmla="*/ 2620610 h 5613023"/>
              <a:gd name="connsiteX281" fmla="*/ 1169606 w 4172535"/>
              <a:gd name="connsiteY281" fmla="*/ 4992875 h 5613023"/>
              <a:gd name="connsiteX282" fmla="*/ 1122962 w 4172535"/>
              <a:gd name="connsiteY282" fmla="*/ 5102744 h 5613023"/>
              <a:gd name="connsiteX283" fmla="*/ 1146248 w 4172535"/>
              <a:gd name="connsiteY283" fmla="*/ 5116188 h 5613023"/>
              <a:gd name="connsiteX284" fmla="*/ 1194551 w 4172535"/>
              <a:gd name="connsiteY284" fmla="*/ 5002394 h 5613023"/>
              <a:gd name="connsiteX285" fmla="*/ 1547875 w 4172535"/>
              <a:gd name="connsiteY285" fmla="*/ 2617582 h 5613023"/>
              <a:gd name="connsiteX286" fmla="*/ 2626994 w 4172535"/>
              <a:gd name="connsiteY286" fmla="*/ 1150882 h 5613023"/>
              <a:gd name="connsiteX287" fmla="*/ 3973525 w 4172535"/>
              <a:gd name="connsiteY287" fmla="*/ 888431 h 5613023"/>
              <a:gd name="connsiteX288" fmla="*/ 3984101 w 4172535"/>
              <a:gd name="connsiteY288" fmla="*/ 872690 h 5613023"/>
              <a:gd name="connsiteX289" fmla="*/ 3968347 w 4172535"/>
              <a:gd name="connsiteY289" fmla="*/ 862123 h 5613023"/>
              <a:gd name="connsiteX290" fmla="*/ 2576037 w 4172535"/>
              <a:gd name="connsiteY290" fmla="*/ 2475 h 5613023"/>
              <a:gd name="connsiteX291" fmla="*/ 2571750 w 4172535"/>
              <a:gd name="connsiteY291" fmla="*/ 0 h 5613023"/>
              <a:gd name="connsiteX292" fmla="*/ 2569593 w 4172535"/>
              <a:gd name="connsiteY292" fmla="*/ 3737 h 5613023"/>
              <a:gd name="connsiteX293" fmla="*/ 2676037 w 4172535"/>
              <a:gd name="connsiteY293" fmla="*/ 60210 h 5613023"/>
              <a:gd name="connsiteX294" fmla="*/ 2640711 w 4172535"/>
              <a:gd name="connsiteY294" fmla="*/ 39815 h 5613023"/>
              <a:gd name="connsiteX295" fmla="*/ 2537045 w 4172535"/>
              <a:gd name="connsiteY295" fmla="*/ 60112 h 5613023"/>
              <a:gd name="connsiteX296" fmla="*/ 2519261 w 4172535"/>
              <a:gd name="connsiteY296" fmla="*/ 90915 h 5613023"/>
              <a:gd name="connsiteX297" fmla="*/ 2775934 w 4172535"/>
              <a:gd name="connsiteY297" fmla="*/ 117886 h 5613023"/>
              <a:gd name="connsiteX298" fmla="*/ 2740624 w 4172535"/>
              <a:gd name="connsiteY298" fmla="*/ 97499 h 5613023"/>
              <a:gd name="connsiteX299" fmla="*/ 2486769 w 4172535"/>
              <a:gd name="connsiteY299" fmla="*/ 147191 h 5613023"/>
              <a:gd name="connsiteX300" fmla="*/ 2468990 w 4172535"/>
              <a:gd name="connsiteY300" fmla="*/ 177986 h 5613023"/>
              <a:gd name="connsiteX301" fmla="*/ 2875607 w 4172535"/>
              <a:gd name="connsiteY301" fmla="*/ 175432 h 5613023"/>
              <a:gd name="connsiteX302" fmla="*/ 2840431 w 4172535"/>
              <a:gd name="connsiteY302" fmla="*/ 155123 h 5613023"/>
              <a:gd name="connsiteX303" fmla="*/ 2436576 w 4172535"/>
              <a:gd name="connsiteY303" fmla="*/ 234129 h 5613023"/>
              <a:gd name="connsiteX304" fmla="*/ 2418876 w 4172535"/>
              <a:gd name="connsiteY304" fmla="*/ 264786 h 5613023"/>
              <a:gd name="connsiteX305" fmla="*/ 2975594 w 4172535"/>
              <a:gd name="connsiteY305" fmla="*/ 233159 h 5613023"/>
              <a:gd name="connsiteX306" fmla="*/ 2940418 w 4172535"/>
              <a:gd name="connsiteY306" fmla="*/ 212851 h 5613023"/>
              <a:gd name="connsiteX307" fmla="*/ 2386287 w 4172535"/>
              <a:gd name="connsiteY307" fmla="*/ 321231 h 5613023"/>
              <a:gd name="connsiteX308" fmla="*/ 2368410 w 4172535"/>
              <a:gd name="connsiteY308" fmla="*/ 352196 h 5613023"/>
              <a:gd name="connsiteX309" fmla="*/ 2371327 w 4172535"/>
              <a:gd name="connsiteY309" fmla="*/ 351478 h 5613023"/>
              <a:gd name="connsiteX310" fmla="*/ 3075640 w 4172535"/>
              <a:gd name="connsiteY310" fmla="*/ 290921 h 5613023"/>
              <a:gd name="connsiteX311" fmla="*/ 3040348 w 4172535"/>
              <a:gd name="connsiteY311" fmla="*/ 270545 h 5613023"/>
              <a:gd name="connsiteX312" fmla="*/ 2389323 w 4172535"/>
              <a:gd name="connsiteY312" fmla="*/ 397849 h 5613023"/>
              <a:gd name="connsiteX313" fmla="*/ 2334154 w 4172535"/>
              <a:gd name="connsiteY313" fmla="*/ 411528 h 5613023"/>
              <a:gd name="connsiteX314" fmla="*/ 2315502 w 4172535"/>
              <a:gd name="connsiteY314" fmla="*/ 443835 h 5613023"/>
              <a:gd name="connsiteX315" fmla="*/ 2394627 w 4172535"/>
              <a:gd name="connsiteY315" fmla="*/ 424220 h 5613023"/>
              <a:gd name="connsiteX316" fmla="*/ 3175538 w 4172535"/>
              <a:gd name="connsiteY316" fmla="*/ 348597 h 5613023"/>
              <a:gd name="connsiteX317" fmla="*/ 3140418 w 4172535"/>
              <a:gd name="connsiteY317" fmla="*/ 328321 h 5613023"/>
              <a:gd name="connsiteX318" fmla="*/ 2412496 w 4172535"/>
              <a:gd name="connsiteY318" fmla="*/ 470590 h 5613023"/>
              <a:gd name="connsiteX319" fmla="*/ 2281274 w 4172535"/>
              <a:gd name="connsiteY319" fmla="*/ 503119 h 5613023"/>
              <a:gd name="connsiteX320" fmla="*/ 2262691 w 4172535"/>
              <a:gd name="connsiteY320" fmla="*/ 535306 h 5613023"/>
              <a:gd name="connsiteX321" fmla="*/ 2417864 w 4172535"/>
              <a:gd name="connsiteY321" fmla="*/ 496836 h 5613023"/>
              <a:gd name="connsiteX322" fmla="*/ 3275431 w 4172535"/>
              <a:gd name="connsiteY322" fmla="*/ 406271 h 5613023"/>
              <a:gd name="connsiteX323" fmla="*/ 3240812 w 4172535"/>
              <a:gd name="connsiteY323" fmla="*/ 386283 h 5613023"/>
              <a:gd name="connsiteX324" fmla="*/ 2435796 w 4172535"/>
              <a:gd name="connsiteY324" fmla="*/ 543585 h 5613023"/>
              <a:gd name="connsiteX325" fmla="*/ 2257167 w 4172535"/>
              <a:gd name="connsiteY325" fmla="*/ 587822 h 5613023"/>
              <a:gd name="connsiteX326" fmla="*/ 2226054 w 4172535"/>
              <a:gd name="connsiteY326" fmla="*/ 598765 h 5613023"/>
              <a:gd name="connsiteX327" fmla="*/ 2205753 w 4172535"/>
              <a:gd name="connsiteY327" fmla="*/ 633926 h 5613023"/>
              <a:gd name="connsiteX328" fmla="*/ 2264841 w 4172535"/>
              <a:gd name="connsiteY328" fmla="*/ 613129 h 5613023"/>
              <a:gd name="connsiteX329" fmla="*/ 2440974 w 4172535"/>
              <a:gd name="connsiteY329" fmla="*/ 569451 h 5613023"/>
              <a:gd name="connsiteX330" fmla="*/ 3375392 w 4172535"/>
              <a:gd name="connsiteY330" fmla="*/ 463983 h 5613023"/>
              <a:gd name="connsiteX331" fmla="*/ 3340350 w 4172535"/>
              <a:gd name="connsiteY331" fmla="*/ 443751 h 5613023"/>
              <a:gd name="connsiteX332" fmla="*/ 2459222 w 4172535"/>
              <a:gd name="connsiteY332" fmla="*/ 615885 h 5613023"/>
              <a:gd name="connsiteX333" fmla="*/ 2286845 w 4172535"/>
              <a:gd name="connsiteY333" fmla="*/ 658576 h 5613023"/>
              <a:gd name="connsiteX334" fmla="*/ 2167241 w 4172535"/>
              <a:gd name="connsiteY334" fmla="*/ 700632 h 5613023"/>
              <a:gd name="connsiteX335" fmla="*/ 2146734 w 4172535"/>
              <a:gd name="connsiteY335" fmla="*/ 736150 h 5613023"/>
              <a:gd name="connsiteX336" fmla="*/ 2294298 w 4172535"/>
              <a:gd name="connsiteY336" fmla="*/ 684230 h 5613023"/>
              <a:gd name="connsiteX337" fmla="*/ 2464148 w 4172535"/>
              <a:gd name="connsiteY337" fmla="*/ 642130 h 5613023"/>
              <a:gd name="connsiteX338" fmla="*/ 3475571 w 4172535"/>
              <a:gd name="connsiteY338" fmla="*/ 521822 h 5613023"/>
              <a:gd name="connsiteX339" fmla="*/ 3440382 w 4172535"/>
              <a:gd name="connsiteY339" fmla="*/ 501505 h 5613023"/>
              <a:gd name="connsiteX340" fmla="*/ 2482207 w 4172535"/>
              <a:gd name="connsiteY340" fmla="*/ 688690 h 5613023"/>
              <a:gd name="connsiteX341" fmla="*/ 2157418 w 4172535"/>
              <a:gd name="connsiteY341" fmla="*/ 785641 h 5613023"/>
              <a:gd name="connsiteX342" fmla="*/ 2103883 w 4172535"/>
              <a:gd name="connsiteY342" fmla="*/ 810370 h 5613023"/>
              <a:gd name="connsiteX343" fmla="*/ 2080642 w 4172535"/>
              <a:gd name="connsiteY343" fmla="*/ 850624 h 5613023"/>
              <a:gd name="connsiteX344" fmla="*/ 2167626 w 4172535"/>
              <a:gd name="connsiteY344" fmla="*/ 810407 h 5613023"/>
              <a:gd name="connsiteX345" fmla="*/ 2487510 w 4172535"/>
              <a:gd name="connsiteY345" fmla="*/ 714746 h 5613023"/>
              <a:gd name="connsiteX346" fmla="*/ 3575715 w 4172535"/>
              <a:gd name="connsiteY346" fmla="*/ 579640 h 5613023"/>
              <a:gd name="connsiteX347" fmla="*/ 3540445 w 4172535"/>
              <a:gd name="connsiteY347" fmla="*/ 559276 h 5613023"/>
              <a:gd name="connsiteX348" fmla="*/ 2505443 w 4172535"/>
              <a:gd name="connsiteY348" fmla="*/ 761243 h 5613023"/>
              <a:gd name="connsiteX349" fmla="*/ 2047910 w 4172535"/>
              <a:gd name="connsiteY349" fmla="*/ 921524 h 5613023"/>
              <a:gd name="connsiteX350" fmla="*/ 2035568 w 4172535"/>
              <a:gd name="connsiteY350" fmla="*/ 928695 h 5613023"/>
              <a:gd name="connsiteX351" fmla="*/ 2008623 w 4172535"/>
              <a:gd name="connsiteY351" fmla="*/ 975366 h 5613023"/>
              <a:gd name="connsiteX352" fmla="*/ 2060276 w 4172535"/>
              <a:gd name="connsiteY352" fmla="*/ 945343 h 5613023"/>
              <a:gd name="connsiteX353" fmla="*/ 2510621 w 4172535"/>
              <a:gd name="connsiteY353" fmla="*/ 787488 h 5613023"/>
              <a:gd name="connsiteX354" fmla="*/ 3675634 w 4172535"/>
              <a:gd name="connsiteY354" fmla="*/ 637328 h 5613023"/>
              <a:gd name="connsiteX355" fmla="*/ 3640173 w 4172535"/>
              <a:gd name="connsiteY355" fmla="*/ 616855 h 5613023"/>
              <a:gd name="connsiteX356" fmla="*/ 2528680 w 4172535"/>
              <a:gd name="connsiteY356" fmla="*/ 833796 h 5613023"/>
              <a:gd name="connsiteX357" fmla="*/ 1966063 w 4172535"/>
              <a:gd name="connsiteY357" fmla="*/ 1058906 h 5613023"/>
              <a:gd name="connsiteX358" fmla="*/ 1956512 w 4172535"/>
              <a:gd name="connsiteY358" fmla="*/ 1065624 h 5613023"/>
              <a:gd name="connsiteX359" fmla="*/ 1924686 w 4172535"/>
              <a:gd name="connsiteY359" fmla="*/ 1120749 h 5613023"/>
              <a:gd name="connsiteX360" fmla="*/ 1972297 w 4172535"/>
              <a:gd name="connsiteY360" fmla="*/ 1086831 h 5613023"/>
              <a:gd name="connsiteX361" fmla="*/ 2533921 w 4172535"/>
              <a:gd name="connsiteY361" fmla="*/ 860230 h 5613023"/>
              <a:gd name="connsiteX362" fmla="*/ 3775430 w 4172535"/>
              <a:gd name="connsiteY362" fmla="*/ 694945 h 5613023"/>
              <a:gd name="connsiteX363" fmla="*/ 3739942 w 4172535"/>
              <a:gd name="connsiteY363" fmla="*/ 674456 h 5613023"/>
              <a:gd name="connsiteX364" fmla="*/ 2551980 w 4172535"/>
              <a:gd name="connsiteY364" fmla="*/ 906222 h 5613023"/>
              <a:gd name="connsiteX365" fmla="*/ 1883548 w 4172535"/>
              <a:gd name="connsiteY365" fmla="*/ 1210367 h 5613023"/>
              <a:gd name="connsiteX366" fmla="*/ 1862566 w 4172535"/>
              <a:gd name="connsiteY366" fmla="*/ 1228344 h 5613023"/>
              <a:gd name="connsiteX367" fmla="*/ 1822113 w 4172535"/>
              <a:gd name="connsiteY367" fmla="*/ 1298411 h 5613023"/>
              <a:gd name="connsiteX368" fmla="*/ 1900091 w 4172535"/>
              <a:gd name="connsiteY368" fmla="*/ 1231612 h 5613023"/>
              <a:gd name="connsiteX369" fmla="*/ 2557094 w 4172535"/>
              <a:gd name="connsiteY369" fmla="*/ 932783 h 5613023"/>
              <a:gd name="connsiteX370" fmla="*/ 3875651 w 4172535"/>
              <a:gd name="connsiteY370" fmla="*/ 752808 h 5613023"/>
              <a:gd name="connsiteX371" fmla="*/ 3840301 w 4172535"/>
              <a:gd name="connsiteY371" fmla="*/ 732399 h 5613023"/>
              <a:gd name="connsiteX372" fmla="*/ 2574964 w 4172535"/>
              <a:gd name="connsiteY372" fmla="*/ 979279 h 5613023"/>
              <a:gd name="connsiteX373" fmla="*/ 1735391 w 4172535"/>
              <a:gd name="connsiteY373" fmla="*/ 1457855 h 5613023"/>
              <a:gd name="connsiteX374" fmla="*/ 1716684 w 4172535"/>
              <a:gd name="connsiteY374" fmla="*/ 1481018 h 5613023"/>
              <a:gd name="connsiteX375" fmla="*/ 1446983 w 4172535"/>
              <a:gd name="connsiteY375" fmla="*/ 1948155 h 5613023"/>
              <a:gd name="connsiteX376" fmla="*/ 1412225 w 4172535"/>
              <a:gd name="connsiteY376" fmla="*/ 2055959 h 5613023"/>
              <a:gd name="connsiteX377" fmla="*/ 1368927 w 4172535"/>
              <a:gd name="connsiteY377" fmla="*/ 2621430 h 5613023"/>
              <a:gd name="connsiteX378" fmla="*/ 1020508 w 4172535"/>
              <a:gd name="connsiteY378" fmla="*/ 4957395 h 5613023"/>
              <a:gd name="connsiteX379" fmla="*/ 990802 w 4172535"/>
              <a:gd name="connsiteY379" fmla="*/ 5026441 h 5613023"/>
              <a:gd name="connsiteX380" fmla="*/ 1013845 w 4172535"/>
              <a:gd name="connsiteY380" fmla="*/ 5039745 h 5613023"/>
              <a:gd name="connsiteX381" fmla="*/ 1054986 w 4172535"/>
              <a:gd name="connsiteY381" fmla="*/ 4942653 h 5613023"/>
              <a:gd name="connsiteX382" fmla="*/ 1395573 w 4172535"/>
              <a:gd name="connsiteY382" fmla="*/ 2618718 h 5613023"/>
              <a:gd name="connsiteX383" fmla="*/ 2580079 w 4172535"/>
              <a:gd name="connsiteY383" fmla="*/ 1005588 h 5613023"/>
              <a:gd name="connsiteX384" fmla="*/ 3968634 w 4172535"/>
              <a:gd name="connsiteY384" fmla="*/ 806492 h 5613023"/>
              <a:gd name="connsiteX385" fmla="*/ 3940438 w 4172535"/>
              <a:gd name="connsiteY385" fmla="*/ 790213 h 5613023"/>
              <a:gd name="connsiteX386" fmla="*/ 2598138 w 4172535"/>
              <a:gd name="connsiteY386" fmla="*/ 1051895 h 5613023"/>
              <a:gd name="connsiteX387" fmla="*/ 1445141 w 4172535"/>
              <a:gd name="connsiteY387" fmla="*/ 2620989 h 5613023"/>
              <a:gd name="connsiteX388" fmla="*/ 1100009 w 4172535"/>
              <a:gd name="connsiteY388" fmla="*/ 4962870 h 5613023"/>
              <a:gd name="connsiteX389" fmla="*/ 1056869 w 4172535"/>
              <a:gd name="connsiteY389" fmla="*/ 5064585 h 5613023"/>
              <a:gd name="connsiteX390" fmla="*/ 1080039 w 4172535"/>
              <a:gd name="connsiteY390" fmla="*/ 5077962 h 5613023"/>
              <a:gd name="connsiteX391" fmla="*/ 1124702 w 4172535"/>
              <a:gd name="connsiteY391" fmla="*/ 4972656 h 5613023"/>
              <a:gd name="connsiteX392" fmla="*/ 1471724 w 4172535"/>
              <a:gd name="connsiteY392" fmla="*/ 2618213 h 5613023"/>
              <a:gd name="connsiteX393" fmla="*/ 2603442 w 4172535"/>
              <a:gd name="connsiteY393" fmla="*/ 1078203 h 5613023"/>
              <a:gd name="connsiteX394" fmla="*/ 3958686 w 4172535"/>
              <a:gd name="connsiteY394" fmla="*/ 813985 h 5613023"/>
              <a:gd name="connsiteX395" fmla="*/ 3960322 w 4172535"/>
              <a:gd name="connsiteY395" fmla="*/ 813657 h 5613023"/>
              <a:gd name="connsiteX396" fmla="*/ 3968507 w 4172535"/>
              <a:gd name="connsiteY396" fmla="*/ 807427 h 561302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 ang="0">
                <a:pos x="connsiteX278" y="connsiteY278"/>
              </a:cxn>
              <a:cxn ang="0">
                <a:pos x="connsiteX279" y="connsiteY279"/>
              </a:cxn>
              <a:cxn ang="0">
                <a:pos x="connsiteX280" y="connsiteY280"/>
              </a:cxn>
              <a:cxn ang="0">
                <a:pos x="connsiteX281" y="connsiteY281"/>
              </a:cxn>
              <a:cxn ang="0">
                <a:pos x="connsiteX282" y="connsiteY282"/>
              </a:cxn>
              <a:cxn ang="0">
                <a:pos x="connsiteX283" y="connsiteY283"/>
              </a:cxn>
              <a:cxn ang="0">
                <a:pos x="connsiteX284" y="connsiteY284"/>
              </a:cxn>
              <a:cxn ang="0">
                <a:pos x="connsiteX285" y="connsiteY285"/>
              </a:cxn>
              <a:cxn ang="0">
                <a:pos x="connsiteX286" y="connsiteY286"/>
              </a:cxn>
              <a:cxn ang="0">
                <a:pos x="connsiteX287" y="connsiteY287"/>
              </a:cxn>
              <a:cxn ang="0">
                <a:pos x="connsiteX288" y="connsiteY288"/>
              </a:cxn>
              <a:cxn ang="0">
                <a:pos x="connsiteX289" y="connsiteY289"/>
              </a:cxn>
              <a:cxn ang="0">
                <a:pos x="connsiteX290" y="connsiteY290"/>
              </a:cxn>
              <a:cxn ang="0">
                <a:pos x="connsiteX291" y="connsiteY291"/>
              </a:cxn>
              <a:cxn ang="0">
                <a:pos x="connsiteX292" y="connsiteY292"/>
              </a:cxn>
              <a:cxn ang="0">
                <a:pos x="connsiteX293" y="connsiteY293"/>
              </a:cxn>
              <a:cxn ang="0">
                <a:pos x="connsiteX294" y="connsiteY294"/>
              </a:cxn>
              <a:cxn ang="0">
                <a:pos x="connsiteX295" y="connsiteY295"/>
              </a:cxn>
              <a:cxn ang="0">
                <a:pos x="connsiteX296" y="connsiteY296"/>
              </a:cxn>
              <a:cxn ang="0">
                <a:pos x="connsiteX297" y="connsiteY297"/>
              </a:cxn>
              <a:cxn ang="0">
                <a:pos x="connsiteX298" y="connsiteY298"/>
              </a:cxn>
              <a:cxn ang="0">
                <a:pos x="connsiteX299" y="connsiteY299"/>
              </a:cxn>
              <a:cxn ang="0">
                <a:pos x="connsiteX300" y="connsiteY300"/>
              </a:cxn>
              <a:cxn ang="0">
                <a:pos x="connsiteX301" y="connsiteY301"/>
              </a:cxn>
              <a:cxn ang="0">
                <a:pos x="connsiteX302" y="connsiteY302"/>
              </a:cxn>
              <a:cxn ang="0">
                <a:pos x="connsiteX303" y="connsiteY303"/>
              </a:cxn>
              <a:cxn ang="0">
                <a:pos x="connsiteX304" y="connsiteY304"/>
              </a:cxn>
              <a:cxn ang="0">
                <a:pos x="connsiteX305" y="connsiteY305"/>
              </a:cxn>
              <a:cxn ang="0">
                <a:pos x="connsiteX306" y="connsiteY306"/>
              </a:cxn>
              <a:cxn ang="0">
                <a:pos x="connsiteX307" y="connsiteY307"/>
              </a:cxn>
              <a:cxn ang="0">
                <a:pos x="connsiteX308" y="connsiteY308"/>
              </a:cxn>
              <a:cxn ang="0">
                <a:pos x="connsiteX309" y="connsiteY309"/>
              </a:cxn>
              <a:cxn ang="0">
                <a:pos x="connsiteX310" y="connsiteY310"/>
              </a:cxn>
              <a:cxn ang="0">
                <a:pos x="connsiteX311" y="connsiteY311"/>
              </a:cxn>
              <a:cxn ang="0">
                <a:pos x="connsiteX312" y="connsiteY312"/>
              </a:cxn>
              <a:cxn ang="0">
                <a:pos x="connsiteX313" y="connsiteY313"/>
              </a:cxn>
              <a:cxn ang="0">
                <a:pos x="connsiteX314" y="connsiteY314"/>
              </a:cxn>
              <a:cxn ang="0">
                <a:pos x="connsiteX315" y="connsiteY315"/>
              </a:cxn>
              <a:cxn ang="0">
                <a:pos x="connsiteX316" y="connsiteY316"/>
              </a:cxn>
              <a:cxn ang="0">
                <a:pos x="connsiteX317" y="connsiteY317"/>
              </a:cxn>
              <a:cxn ang="0">
                <a:pos x="connsiteX318" y="connsiteY318"/>
              </a:cxn>
              <a:cxn ang="0">
                <a:pos x="connsiteX319" y="connsiteY319"/>
              </a:cxn>
              <a:cxn ang="0">
                <a:pos x="connsiteX320" y="connsiteY320"/>
              </a:cxn>
              <a:cxn ang="0">
                <a:pos x="connsiteX321" y="connsiteY321"/>
              </a:cxn>
              <a:cxn ang="0">
                <a:pos x="connsiteX322" y="connsiteY322"/>
              </a:cxn>
              <a:cxn ang="0">
                <a:pos x="connsiteX323" y="connsiteY323"/>
              </a:cxn>
              <a:cxn ang="0">
                <a:pos x="connsiteX324" y="connsiteY324"/>
              </a:cxn>
              <a:cxn ang="0">
                <a:pos x="connsiteX325" y="connsiteY325"/>
              </a:cxn>
              <a:cxn ang="0">
                <a:pos x="connsiteX326" y="connsiteY326"/>
              </a:cxn>
              <a:cxn ang="0">
                <a:pos x="connsiteX327" y="connsiteY327"/>
              </a:cxn>
              <a:cxn ang="0">
                <a:pos x="connsiteX328" y="connsiteY328"/>
              </a:cxn>
              <a:cxn ang="0">
                <a:pos x="connsiteX329" y="connsiteY329"/>
              </a:cxn>
              <a:cxn ang="0">
                <a:pos x="connsiteX330" y="connsiteY330"/>
              </a:cxn>
              <a:cxn ang="0">
                <a:pos x="connsiteX331" y="connsiteY331"/>
              </a:cxn>
              <a:cxn ang="0">
                <a:pos x="connsiteX332" y="connsiteY332"/>
              </a:cxn>
              <a:cxn ang="0">
                <a:pos x="connsiteX333" y="connsiteY333"/>
              </a:cxn>
              <a:cxn ang="0">
                <a:pos x="connsiteX334" y="connsiteY334"/>
              </a:cxn>
              <a:cxn ang="0">
                <a:pos x="connsiteX335" y="connsiteY335"/>
              </a:cxn>
              <a:cxn ang="0">
                <a:pos x="connsiteX336" y="connsiteY336"/>
              </a:cxn>
              <a:cxn ang="0">
                <a:pos x="connsiteX337" y="connsiteY337"/>
              </a:cxn>
              <a:cxn ang="0">
                <a:pos x="connsiteX338" y="connsiteY338"/>
              </a:cxn>
              <a:cxn ang="0">
                <a:pos x="connsiteX339" y="connsiteY339"/>
              </a:cxn>
              <a:cxn ang="0">
                <a:pos x="connsiteX340" y="connsiteY340"/>
              </a:cxn>
              <a:cxn ang="0">
                <a:pos x="connsiteX341" y="connsiteY341"/>
              </a:cxn>
              <a:cxn ang="0">
                <a:pos x="connsiteX342" y="connsiteY342"/>
              </a:cxn>
              <a:cxn ang="0">
                <a:pos x="connsiteX343" y="connsiteY343"/>
              </a:cxn>
              <a:cxn ang="0">
                <a:pos x="connsiteX344" y="connsiteY344"/>
              </a:cxn>
              <a:cxn ang="0">
                <a:pos x="connsiteX345" y="connsiteY345"/>
              </a:cxn>
              <a:cxn ang="0">
                <a:pos x="connsiteX346" y="connsiteY346"/>
              </a:cxn>
              <a:cxn ang="0">
                <a:pos x="connsiteX347" y="connsiteY347"/>
              </a:cxn>
              <a:cxn ang="0">
                <a:pos x="connsiteX348" y="connsiteY348"/>
              </a:cxn>
              <a:cxn ang="0">
                <a:pos x="connsiteX349" y="connsiteY349"/>
              </a:cxn>
              <a:cxn ang="0">
                <a:pos x="connsiteX350" y="connsiteY350"/>
              </a:cxn>
              <a:cxn ang="0">
                <a:pos x="connsiteX351" y="connsiteY351"/>
              </a:cxn>
              <a:cxn ang="0">
                <a:pos x="connsiteX352" y="connsiteY352"/>
              </a:cxn>
              <a:cxn ang="0">
                <a:pos x="connsiteX353" y="connsiteY353"/>
              </a:cxn>
              <a:cxn ang="0">
                <a:pos x="connsiteX354" y="connsiteY354"/>
              </a:cxn>
              <a:cxn ang="0">
                <a:pos x="connsiteX355" y="connsiteY355"/>
              </a:cxn>
              <a:cxn ang="0">
                <a:pos x="connsiteX356" y="connsiteY356"/>
              </a:cxn>
              <a:cxn ang="0">
                <a:pos x="connsiteX357" y="connsiteY357"/>
              </a:cxn>
              <a:cxn ang="0">
                <a:pos x="connsiteX358" y="connsiteY358"/>
              </a:cxn>
              <a:cxn ang="0">
                <a:pos x="connsiteX359" y="connsiteY359"/>
              </a:cxn>
              <a:cxn ang="0">
                <a:pos x="connsiteX360" y="connsiteY360"/>
              </a:cxn>
              <a:cxn ang="0">
                <a:pos x="connsiteX361" y="connsiteY361"/>
              </a:cxn>
              <a:cxn ang="0">
                <a:pos x="connsiteX362" y="connsiteY362"/>
              </a:cxn>
              <a:cxn ang="0">
                <a:pos x="connsiteX363" y="connsiteY363"/>
              </a:cxn>
              <a:cxn ang="0">
                <a:pos x="connsiteX364" y="connsiteY364"/>
              </a:cxn>
              <a:cxn ang="0">
                <a:pos x="connsiteX365" y="connsiteY365"/>
              </a:cxn>
              <a:cxn ang="0">
                <a:pos x="connsiteX366" y="connsiteY366"/>
              </a:cxn>
              <a:cxn ang="0">
                <a:pos x="connsiteX367" y="connsiteY367"/>
              </a:cxn>
              <a:cxn ang="0">
                <a:pos x="connsiteX368" y="connsiteY368"/>
              </a:cxn>
              <a:cxn ang="0">
                <a:pos x="connsiteX369" y="connsiteY369"/>
              </a:cxn>
              <a:cxn ang="0">
                <a:pos x="connsiteX370" y="connsiteY370"/>
              </a:cxn>
              <a:cxn ang="0">
                <a:pos x="connsiteX371" y="connsiteY371"/>
              </a:cxn>
              <a:cxn ang="0">
                <a:pos x="connsiteX372" y="connsiteY372"/>
              </a:cxn>
              <a:cxn ang="0">
                <a:pos x="connsiteX373" y="connsiteY373"/>
              </a:cxn>
              <a:cxn ang="0">
                <a:pos x="connsiteX374" y="connsiteY374"/>
              </a:cxn>
              <a:cxn ang="0">
                <a:pos x="connsiteX375" y="connsiteY375"/>
              </a:cxn>
              <a:cxn ang="0">
                <a:pos x="connsiteX376" y="connsiteY376"/>
              </a:cxn>
              <a:cxn ang="0">
                <a:pos x="connsiteX377" y="connsiteY377"/>
              </a:cxn>
              <a:cxn ang="0">
                <a:pos x="connsiteX378" y="connsiteY378"/>
              </a:cxn>
              <a:cxn ang="0">
                <a:pos x="connsiteX379" y="connsiteY379"/>
              </a:cxn>
              <a:cxn ang="0">
                <a:pos x="connsiteX380" y="connsiteY380"/>
              </a:cxn>
              <a:cxn ang="0">
                <a:pos x="connsiteX381" y="connsiteY381"/>
              </a:cxn>
              <a:cxn ang="0">
                <a:pos x="connsiteX382" y="connsiteY382"/>
              </a:cxn>
              <a:cxn ang="0">
                <a:pos x="connsiteX383" y="connsiteY383"/>
              </a:cxn>
              <a:cxn ang="0">
                <a:pos x="connsiteX384" y="connsiteY384"/>
              </a:cxn>
              <a:cxn ang="0">
                <a:pos x="connsiteX385" y="connsiteY385"/>
              </a:cxn>
              <a:cxn ang="0">
                <a:pos x="connsiteX386" y="connsiteY386"/>
              </a:cxn>
              <a:cxn ang="0">
                <a:pos x="connsiteX387" y="connsiteY387"/>
              </a:cxn>
              <a:cxn ang="0">
                <a:pos x="connsiteX388" y="connsiteY388"/>
              </a:cxn>
              <a:cxn ang="0">
                <a:pos x="connsiteX389" y="connsiteY389"/>
              </a:cxn>
              <a:cxn ang="0">
                <a:pos x="connsiteX390" y="connsiteY390"/>
              </a:cxn>
              <a:cxn ang="0">
                <a:pos x="connsiteX391" y="connsiteY391"/>
              </a:cxn>
              <a:cxn ang="0">
                <a:pos x="connsiteX392" y="connsiteY392"/>
              </a:cxn>
              <a:cxn ang="0">
                <a:pos x="connsiteX393" y="connsiteY393"/>
              </a:cxn>
              <a:cxn ang="0">
                <a:pos x="connsiteX394" y="connsiteY394"/>
              </a:cxn>
              <a:cxn ang="0">
                <a:pos x="connsiteX395" y="connsiteY395"/>
              </a:cxn>
              <a:cxn ang="0">
                <a:pos x="connsiteX396" y="connsiteY396"/>
              </a:cxn>
            </a:cxnLst>
            <a:rect l="l" t="t" r="r" b="b"/>
            <a:pathLst>
              <a:path w="4172535" h="5613023">
                <a:moveTo>
                  <a:pt x="62272" y="4346544"/>
                </a:moveTo>
                <a:lnTo>
                  <a:pt x="0" y="4454402"/>
                </a:lnTo>
                <a:lnTo>
                  <a:pt x="18829" y="4465272"/>
                </a:lnTo>
                <a:close/>
                <a:moveTo>
                  <a:pt x="227587" y="4060210"/>
                </a:moveTo>
                <a:lnTo>
                  <a:pt x="168293" y="4162910"/>
                </a:lnTo>
                <a:lnTo>
                  <a:pt x="112739" y="4351897"/>
                </a:lnTo>
                <a:lnTo>
                  <a:pt x="62003" y="4490199"/>
                </a:lnTo>
                <a:lnTo>
                  <a:pt x="84982" y="4503466"/>
                </a:lnTo>
                <a:lnTo>
                  <a:pt x="124252" y="4399870"/>
                </a:lnTo>
                <a:cubicBezTo>
                  <a:pt x="144185" y="4343503"/>
                  <a:pt x="162846" y="4286716"/>
                  <a:pt x="180222" y="4229554"/>
                </a:cubicBezTo>
                <a:close/>
                <a:moveTo>
                  <a:pt x="349361" y="3849291"/>
                </a:moveTo>
                <a:lnTo>
                  <a:pt x="307256" y="3922220"/>
                </a:lnTo>
                <a:lnTo>
                  <a:pt x="283428" y="4040264"/>
                </a:lnTo>
                <a:cubicBezTo>
                  <a:pt x="255097" y="4154631"/>
                  <a:pt x="221773" y="4267762"/>
                  <a:pt x="183540" y="4379328"/>
                </a:cubicBezTo>
                <a:lnTo>
                  <a:pt x="128676" y="4528693"/>
                </a:lnTo>
                <a:lnTo>
                  <a:pt x="152243" y="4542299"/>
                </a:lnTo>
                <a:lnTo>
                  <a:pt x="209006" y="4387761"/>
                </a:lnTo>
                <a:cubicBezTo>
                  <a:pt x="247493" y="4275456"/>
                  <a:pt x="281039" y="4161575"/>
                  <a:pt x="309560" y="4046452"/>
                </a:cubicBezTo>
                <a:close/>
                <a:moveTo>
                  <a:pt x="460489" y="3656812"/>
                </a:moveTo>
                <a:lnTo>
                  <a:pt x="425731" y="3717014"/>
                </a:lnTo>
                <a:lnTo>
                  <a:pt x="423446" y="3733199"/>
                </a:lnTo>
                <a:cubicBezTo>
                  <a:pt x="383844" y="3974709"/>
                  <a:pt x="322832" y="4212246"/>
                  <a:pt x="241141" y="4442964"/>
                </a:cubicBezTo>
                <a:lnTo>
                  <a:pt x="194261" y="4566558"/>
                </a:lnTo>
                <a:lnTo>
                  <a:pt x="218622" y="4580623"/>
                </a:lnTo>
                <a:lnTo>
                  <a:pt x="279664" y="4414785"/>
                </a:lnTo>
                <a:cubicBezTo>
                  <a:pt x="358017" y="4186702"/>
                  <a:pt x="416350" y="3952217"/>
                  <a:pt x="453991" y="3714024"/>
                </a:cubicBezTo>
                <a:close/>
                <a:moveTo>
                  <a:pt x="558967" y="3486243"/>
                </a:moveTo>
                <a:lnTo>
                  <a:pt x="521924" y="3550404"/>
                </a:lnTo>
                <a:lnTo>
                  <a:pt x="501745" y="3726361"/>
                </a:lnTo>
                <a:cubicBezTo>
                  <a:pt x="453966" y="4026808"/>
                  <a:pt x="373645" y="4321392"/>
                  <a:pt x="262099" y="4604829"/>
                </a:cubicBezTo>
                <a:lnTo>
                  <a:pt x="261797" y="4605550"/>
                </a:lnTo>
                <a:lnTo>
                  <a:pt x="284764" y="4618810"/>
                </a:lnTo>
                <a:lnTo>
                  <a:pt x="338219" y="4477990"/>
                </a:lnTo>
                <a:cubicBezTo>
                  <a:pt x="442603" y="4183452"/>
                  <a:pt x="514051" y="3878042"/>
                  <a:pt x="551110" y="3567414"/>
                </a:cubicBezTo>
                <a:close/>
                <a:moveTo>
                  <a:pt x="646622" y="3334420"/>
                </a:moveTo>
                <a:lnTo>
                  <a:pt x="617832" y="3384285"/>
                </a:lnTo>
                <a:lnTo>
                  <a:pt x="617588" y="3388871"/>
                </a:lnTo>
                <a:cubicBezTo>
                  <a:pt x="589020" y="3766878"/>
                  <a:pt x="510294" y="4138921"/>
                  <a:pt x="383935" y="4495223"/>
                </a:cubicBezTo>
                <a:lnTo>
                  <a:pt x="327609" y="4643547"/>
                </a:lnTo>
                <a:lnTo>
                  <a:pt x="351451" y="4657312"/>
                </a:lnTo>
                <a:lnTo>
                  <a:pt x="356846" y="4644448"/>
                </a:lnTo>
                <a:cubicBezTo>
                  <a:pt x="516649" y="4238995"/>
                  <a:pt x="614079" y="3811232"/>
                  <a:pt x="645446" y="3375903"/>
                </a:cubicBezTo>
                <a:close/>
                <a:moveTo>
                  <a:pt x="730691" y="3188808"/>
                </a:moveTo>
                <a:lnTo>
                  <a:pt x="701380" y="3239577"/>
                </a:lnTo>
                <a:lnTo>
                  <a:pt x="693921" y="3384923"/>
                </a:lnTo>
                <a:cubicBezTo>
                  <a:pt x="661804" y="3824129"/>
                  <a:pt x="563172" y="4255651"/>
                  <a:pt x="401748" y="4664677"/>
                </a:cubicBezTo>
                <a:lnTo>
                  <a:pt x="394422" y="4682121"/>
                </a:lnTo>
                <a:lnTo>
                  <a:pt x="417745" y="4695587"/>
                </a:lnTo>
                <a:lnTo>
                  <a:pt x="426742" y="4674163"/>
                </a:lnTo>
                <a:cubicBezTo>
                  <a:pt x="612382" y="4203867"/>
                  <a:pt x="715539" y="3704014"/>
                  <a:pt x="730628" y="3196832"/>
                </a:cubicBezTo>
                <a:close/>
                <a:moveTo>
                  <a:pt x="807330" y="3056065"/>
                </a:moveTo>
                <a:lnTo>
                  <a:pt x="780192" y="3103069"/>
                </a:lnTo>
                <a:lnTo>
                  <a:pt x="779253" y="3204287"/>
                </a:lnTo>
                <a:cubicBezTo>
                  <a:pt x="763386" y="3715968"/>
                  <a:pt x="658861" y="4220168"/>
                  <a:pt x="471308" y="4694560"/>
                </a:cubicBezTo>
                <a:lnTo>
                  <a:pt x="460496" y="4720269"/>
                </a:lnTo>
                <a:lnTo>
                  <a:pt x="483934" y="4733801"/>
                </a:lnTo>
                <a:lnTo>
                  <a:pt x="496454" y="4704018"/>
                </a:lnTo>
                <a:cubicBezTo>
                  <a:pt x="685027" y="4226749"/>
                  <a:pt x="790086" y="3719516"/>
                  <a:pt x="805972" y="3204773"/>
                </a:cubicBezTo>
                <a:close/>
                <a:moveTo>
                  <a:pt x="880907" y="2928626"/>
                </a:moveTo>
                <a:lnTo>
                  <a:pt x="855645" y="2972382"/>
                </a:lnTo>
                <a:lnTo>
                  <a:pt x="857303" y="3024249"/>
                </a:lnTo>
                <a:cubicBezTo>
                  <a:pt x="863162" y="3620077"/>
                  <a:pt x="750524" y="4209257"/>
                  <a:pt x="528139" y="4758033"/>
                </a:cubicBezTo>
                <a:lnTo>
                  <a:pt x="527694" y="4759066"/>
                </a:lnTo>
                <a:lnTo>
                  <a:pt x="550219" y="4772071"/>
                </a:lnTo>
                <a:lnTo>
                  <a:pt x="566273" y="4733930"/>
                </a:lnTo>
                <a:cubicBezTo>
                  <a:pt x="781830" y="4189220"/>
                  <a:pt x="890396" y="3606052"/>
                  <a:pt x="883807" y="3016712"/>
                </a:cubicBezTo>
                <a:close/>
                <a:moveTo>
                  <a:pt x="951864" y="2805726"/>
                </a:moveTo>
                <a:lnTo>
                  <a:pt x="927413" y="2848077"/>
                </a:lnTo>
                <a:lnTo>
                  <a:pt x="932896" y="3022413"/>
                </a:lnTo>
                <a:cubicBezTo>
                  <a:pt x="938703" y="3616858"/>
                  <a:pt x="828648" y="4204948"/>
                  <a:pt x="610957" y="4754281"/>
                </a:cubicBezTo>
                <a:lnTo>
                  <a:pt x="593042" y="4796794"/>
                </a:lnTo>
                <a:lnTo>
                  <a:pt x="616824" y="4810525"/>
                </a:lnTo>
                <a:lnTo>
                  <a:pt x="622931" y="4796343"/>
                </a:lnTo>
                <a:cubicBezTo>
                  <a:pt x="874748" y="4174438"/>
                  <a:pt x="988937" y="3501891"/>
                  <a:pt x="953346" y="2825539"/>
                </a:cubicBezTo>
                <a:close/>
                <a:moveTo>
                  <a:pt x="1019429" y="2688699"/>
                </a:moveTo>
                <a:lnTo>
                  <a:pt x="995719" y="2729766"/>
                </a:lnTo>
                <a:lnTo>
                  <a:pt x="1003014" y="2828894"/>
                </a:lnTo>
                <a:cubicBezTo>
                  <a:pt x="1037943" y="3509598"/>
                  <a:pt x="921637" y="4187546"/>
                  <a:pt x="667785" y="4814483"/>
                </a:cubicBezTo>
                <a:lnTo>
                  <a:pt x="659007" y="4834879"/>
                </a:lnTo>
                <a:lnTo>
                  <a:pt x="682690" y="4848553"/>
                </a:lnTo>
                <a:lnTo>
                  <a:pt x="705857" y="4793626"/>
                </a:lnTo>
                <a:cubicBezTo>
                  <a:pt x="952857" y="4170980"/>
                  <a:pt x="1064551" y="3499551"/>
                  <a:pt x="1029449" y="2824510"/>
                </a:cubicBezTo>
                <a:close/>
                <a:moveTo>
                  <a:pt x="1087606" y="2570614"/>
                </a:moveTo>
                <a:lnTo>
                  <a:pt x="1063055" y="2613137"/>
                </a:lnTo>
                <a:lnTo>
                  <a:pt x="1063756" y="2624143"/>
                </a:lnTo>
                <a:cubicBezTo>
                  <a:pt x="1134355" y="3373136"/>
                  <a:pt x="1024893" y="4123028"/>
                  <a:pt x="750752" y="4813477"/>
                </a:cubicBezTo>
                <a:lnTo>
                  <a:pt x="725512" y="4873276"/>
                </a:lnTo>
                <a:lnTo>
                  <a:pt x="748940" y="4886803"/>
                </a:lnTo>
                <a:lnTo>
                  <a:pt x="775752" y="4823294"/>
                </a:lnTo>
                <a:cubicBezTo>
                  <a:pt x="1051555" y="4128849"/>
                  <a:pt x="1161743" y="3374606"/>
                  <a:pt x="1090844" y="2621241"/>
                </a:cubicBezTo>
                <a:close/>
                <a:moveTo>
                  <a:pt x="1156978" y="2450457"/>
                </a:moveTo>
                <a:lnTo>
                  <a:pt x="1131997" y="2493726"/>
                </a:lnTo>
                <a:lnTo>
                  <a:pt x="1140222" y="2623449"/>
                </a:lnTo>
                <a:cubicBezTo>
                  <a:pt x="1211959" y="3393608"/>
                  <a:pt x="1096125" y="4164263"/>
                  <a:pt x="809298" y="4871887"/>
                </a:cubicBezTo>
                <a:lnTo>
                  <a:pt x="792129" y="4911737"/>
                </a:lnTo>
                <a:lnTo>
                  <a:pt x="815134" y="4925020"/>
                </a:lnTo>
                <a:lnTo>
                  <a:pt x="845537" y="4853078"/>
                </a:lnTo>
                <a:cubicBezTo>
                  <a:pt x="1125444" y="4149125"/>
                  <a:pt x="1237820" y="3384594"/>
                  <a:pt x="1166995" y="2620736"/>
                </a:cubicBezTo>
                <a:cubicBezTo>
                  <a:pt x="1160937" y="2566546"/>
                  <a:pt x="1157539" y="2512632"/>
                  <a:pt x="1156702" y="2459128"/>
                </a:cubicBezTo>
                <a:close/>
                <a:moveTo>
                  <a:pt x="1238758" y="2308811"/>
                </a:moveTo>
                <a:lnTo>
                  <a:pt x="1209588" y="2359334"/>
                </a:lnTo>
                <a:lnTo>
                  <a:pt x="1207057" y="2478050"/>
                </a:lnTo>
                <a:cubicBezTo>
                  <a:pt x="1208160" y="2526259"/>
                  <a:pt x="1211401" y="2574560"/>
                  <a:pt x="1216815" y="2622818"/>
                </a:cubicBezTo>
                <a:cubicBezTo>
                  <a:pt x="1287093" y="3393013"/>
                  <a:pt x="1173072" y="4163651"/>
                  <a:pt x="890528" y="4873252"/>
                </a:cubicBezTo>
                <a:lnTo>
                  <a:pt x="858123" y="4949839"/>
                </a:lnTo>
                <a:lnTo>
                  <a:pt x="881493" y="4963332"/>
                </a:lnTo>
                <a:lnTo>
                  <a:pt x="915426" y="4883102"/>
                </a:lnTo>
                <a:cubicBezTo>
                  <a:pt x="1199446" y="4169496"/>
                  <a:pt x="1313971" y="3394531"/>
                  <a:pt x="1243146" y="2620042"/>
                </a:cubicBezTo>
                <a:cubicBezTo>
                  <a:pt x="1231591" y="2515984"/>
                  <a:pt x="1230243" y="2412988"/>
                  <a:pt x="1238338" y="2312096"/>
                </a:cubicBezTo>
                <a:close/>
                <a:moveTo>
                  <a:pt x="1344033" y="2126470"/>
                </a:moveTo>
                <a:lnTo>
                  <a:pt x="1303102" y="2197364"/>
                </a:lnTo>
                <a:lnTo>
                  <a:pt x="1287693" y="2320151"/>
                </a:lnTo>
                <a:cubicBezTo>
                  <a:pt x="1279967" y="2418944"/>
                  <a:pt x="1281403" y="2519968"/>
                  <a:pt x="1292713" y="2622251"/>
                </a:cubicBezTo>
                <a:cubicBezTo>
                  <a:pt x="1364342" y="3410701"/>
                  <a:pt x="1244603" y="4203028"/>
                  <a:pt x="950323" y="4929610"/>
                </a:cubicBezTo>
                <a:lnTo>
                  <a:pt x="924996" y="4988449"/>
                </a:lnTo>
                <a:lnTo>
                  <a:pt x="947558" y="5001474"/>
                </a:lnTo>
                <a:lnTo>
                  <a:pt x="985197" y="4912579"/>
                </a:lnTo>
                <a:cubicBezTo>
                  <a:pt x="1273362" y="4189472"/>
                  <a:pt x="1390122" y="3404216"/>
                  <a:pt x="1319423" y="2619222"/>
                </a:cubicBezTo>
                <a:cubicBezTo>
                  <a:pt x="1302729" y="2468435"/>
                  <a:pt x="1307879" y="2320431"/>
                  <a:pt x="1332505" y="2178432"/>
                </a:cubicBezTo>
                <a:close/>
                <a:moveTo>
                  <a:pt x="4156577" y="1830102"/>
                </a:moveTo>
                <a:lnTo>
                  <a:pt x="2923326" y="2069399"/>
                </a:lnTo>
                <a:cubicBezTo>
                  <a:pt x="2668050" y="2119530"/>
                  <a:pt x="2490882" y="2352834"/>
                  <a:pt x="2511316" y="2611967"/>
                </a:cubicBezTo>
                <a:cubicBezTo>
                  <a:pt x="2581598" y="3557821"/>
                  <a:pt x="2429147" y="4509013"/>
                  <a:pt x="2076162" y="5382760"/>
                </a:cubicBezTo>
                <a:lnTo>
                  <a:pt x="1983331" y="5599479"/>
                </a:lnTo>
                <a:lnTo>
                  <a:pt x="2006791" y="5613023"/>
                </a:lnTo>
                <a:lnTo>
                  <a:pt x="2101170" y="5392672"/>
                </a:lnTo>
                <a:cubicBezTo>
                  <a:pt x="2455667" y="4515085"/>
                  <a:pt x="2608694" y="3559710"/>
                  <a:pt x="2538151" y="2609822"/>
                </a:cubicBezTo>
                <a:cubicBezTo>
                  <a:pt x="2518647" y="2364247"/>
                  <a:pt x="2686507" y="2143075"/>
                  <a:pt x="2928440" y="2095581"/>
                </a:cubicBezTo>
                <a:lnTo>
                  <a:pt x="4161565" y="1856536"/>
                </a:lnTo>
                <a:cubicBezTo>
                  <a:pt x="4168871" y="1855161"/>
                  <a:pt x="4173677" y="1848126"/>
                  <a:pt x="4172300" y="1840827"/>
                </a:cubicBezTo>
                <a:cubicBezTo>
                  <a:pt x="4170923" y="1833527"/>
                  <a:pt x="4163883" y="1828726"/>
                  <a:pt x="4156577" y="1830102"/>
                </a:cubicBezTo>
                <a:close/>
                <a:moveTo>
                  <a:pt x="4142054" y="1755909"/>
                </a:moveTo>
                <a:lnTo>
                  <a:pt x="2900089" y="1996973"/>
                </a:lnTo>
                <a:cubicBezTo>
                  <a:pt x="2610539" y="2053721"/>
                  <a:pt x="2410160" y="2319151"/>
                  <a:pt x="2435102" y="2612913"/>
                </a:cubicBezTo>
                <a:cubicBezTo>
                  <a:pt x="2505428" y="3548185"/>
                  <a:pt x="2355347" y="4488644"/>
                  <a:pt x="2006426" y="5352842"/>
                </a:cubicBezTo>
                <a:lnTo>
                  <a:pt x="1917182" y="5561287"/>
                </a:lnTo>
                <a:lnTo>
                  <a:pt x="1940628" y="5574824"/>
                </a:lnTo>
                <a:lnTo>
                  <a:pt x="2031374" y="5362840"/>
                </a:lnTo>
                <a:cubicBezTo>
                  <a:pt x="2381770" y="4494858"/>
                  <a:pt x="2532548" y="3550061"/>
                  <a:pt x="2461874" y="2610453"/>
                </a:cubicBezTo>
                <a:cubicBezTo>
                  <a:pt x="2437981" y="2330311"/>
                  <a:pt x="2629015" y="2077128"/>
                  <a:pt x="2905140" y="2022965"/>
                </a:cubicBezTo>
                <a:lnTo>
                  <a:pt x="4147106" y="1782343"/>
                </a:lnTo>
                <a:cubicBezTo>
                  <a:pt x="4154411" y="1780949"/>
                  <a:pt x="4159204" y="1773902"/>
                  <a:pt x="4157809" y="1766602"/>
                </a:cubicBezTo>
                <a:cubicBezTo>
                  <a:pt x="4156413" y="1759303"/>
                  <a:pt x="4149360" y="1754514"/>
                  <a:pt x="4142054" y="1755909"/>
                </a:cubicBezTo>
                <a:close/>
                <a:moveTo>
                  <a:pt x="4127532" y="1681085"/>
                </a:moveTo>
                <a:lnTo>
                  <a:pt x="2876663" y="1923789"/>
                </a:lnTo>
                <a:cubicBezTo>
                  <a:pt x="2552896" y="1987099"/>
                  <a:pt x="2329362" y="2284609"/>
                  <a:pt x="2358888" y="2612913"/>
                </a:cubicBezTo>
                <a:cubicBezTo>
                  <a:pt x="2429300" y="3538035"/>
                  <a:pt x="2281426" y="4468166"/>
                  <a:pt x="1936789" y="5322697"/>
                </a:cubicBezTo>
                <a:lnTo>
                  <a:pt x="1851066" y="5523115"/>
                </a:lnTo>
                <a:lnTo>
                  <a:pt x="1874811" y="5536824"/>
                </a:lnTo>
                <a:lnTo>
                  <a:pt x="1961982" y="5333022"/>
                </a:lnTo>
                <a:cubicBezTo>
                  <a:pt x="2308150" y="4474707"/>
                  <a:pt x="2456732" y="3540409"/>
                  <a:pt x="2386102" y="2611210"/>
                </a:cubicBezTo>
                <a:cubicBezTo>
                  <a:pt x="2357568" y="2296457"/>
                  <a:pt x="2571851" y="2011117"/>
                  <a:pt x="2882282" y="1950476"/>
                </a:cubicBezTo>
                <a:lnTo>
                  <a:pt x="4132772" y="1707456"/>
                </a:lnTo>
                <a:cubicBezTo>
                  <a:pt x="4139996" y="1706024"/>
                  <a:pt x="4144687" y="1699021"/>
                  <a:pt x="4143254" y="1691810"/>
                </a:cubicBezTo>
                <a:cubicBezTo>
                  <a:pt x="4141821" y="1684548"/>
                  <a:pt x="4134824" y="1679772"/>
                  <a:pt x="4127532" y="1681085"/>
                </a:cubicBezTo>
                <a:close/>
                <a:moveTo>
                  <a:pt x="4113008" y="1606639"/>
                </a:moveTo>
                <a:lnTo>
                  <a:pt x="2853615" y="1851363"/>
                </a:lnTo>
                <a:cubicBezTo>
                  <a:pt x="2495429" y="1921228"/>
                  <a:pt x="2248583" y="2251014"/>
                  <a:pt x="2282737" y="2614049"/>
                </a:cubicBezTo>
                <a:cubicBezTo>
                  <a:pt x="2352212" y="3532105"/>
                  <a:pt x="2207605" y="4447846"/>
                  <a:pt x="1867344" y="5291602"/>
                </a:cubicBezTo>
                <a:lnTo>
                  <a:pt x="1784711" y="5484805"/>
                </a:lnTo>
                <a:lnTo>
                  <a:pt x="1808169" y="5498348"/>
                </a:lnTo>
                <a:lnTo>
                  <a:pt x="1891761" y="5302825"/>
                </a:lnTo>
                <a:cubicBezTo>
                  <a:pt x="2233819" y="4454207"/>
                  <a:pt x="2380120" y="3530484"/>
                  <a:pt x="2309447" y="2611651"/>
                </a:cubicBezTo>
                <a:cubicBezTo>
                  <a:pt x="2276366" y="2262225"/>
                  <a:pt x="2513986" y="1944716"/>
                  <a:pt x="2858793" y="1877608"/>
                </a:cubicBezTo>
                <a:lnTo>
                  <a:pt x="4117997" y="1633074"/>
                </a:lnTo>
                <a:cubicBezTo>
                  <a:pt x="4125302" y="1631698"/>
                  <a:pt x="4130108" y="1624664"/>
                  <a:pt x="4128731" y="1617364"/>
                </a:cubicBezTo>
                <a:cubicBezTo>
                  <a:pt x="4127355" y="1610065"/>
                  <a:pt x="4120314" y="1605264"/>
                  <a:pt x="4113008" y="1606639"/>
                </a:cubicBezTo>
                <a:close/>
                <a:moveTo>
                  <a:pt x="4098549" y="1532257"/>
                </a:moveTo>
                <a:lnTo>
                  <a:pt x="2830379" y="1778621"/>
                </a:lnTo>
                <a:cubicBezTo>
                  <a:pt x="2437918" y="1855009"/>
                  <a:pt x="2167866" y="2216940"/>
                  <a:pt x="2206649" y="2614554"/>
                </a:cubicBezTo>
                <a:cubicBezTo>
                  <a:pt x="2276133" y="3522091"/>
                  <a:pt x="2133672" y="4427500"/>
                  <a:pt x="1797500" y="5261699"/>
                </a:cubicBezTo>
                <a:lnTo>
                  <a:pt x="1718479" y="5446566"/>
                </a:lnTo>
                <a:lnTo>
                  <a:pt x="1742049" y="5460174"/>
                </a:lnTo>
                <a:lnTo>
                  <a:pt x="1822545" y="5271824"/>
                </a:lnTo>
                <a:cubicBezTo>
                  <a:pt x="2160201" y="4433783"/>
                  <a:pt x="2303266" y="3524223"/>
                  <a:pt x="2233422" y="2612535"/>
                </a:cubicBezTo>
                <a:cubicBezTo>
                  <a:pt x="2195625" y="2228472"/>
                  <a:pt x="2456425" y="1878705"/>
                  <a:pt x="2835556" y="1804992"/>
                </a:cubicBezTo>
                <a:lnTo>
                  <a:pt x="4103726" y="1558502"/>
                </a:lnTo>
                <a:lnTo>
                  <a:pt x="4104232" y="1558502"/>
                </a:lnTo>
                <a:cubicBezTo>
                  <a:pt x="4110994" y="1556742"/>
                  <a:pt x="4115282" y="1550092"/>
                  <a:pt x="4114088" y="1543209"/>
                </a:cubicBezTo>
                <a:cubicBezTo>
                  <a:pt x="4112825" y="1535897"/>
                  <a:pt x="4105867" y="1530995"/>
                  <a:pt x="4098549" y="1532257"/>
                </a:cubicBezTo>
                <a:close/>
                <a:moveTo>
                  <a:pt x="4084089" y="1457812"/>
                </a:moveTo>
                <a:lnTo>
                  <a:pt x="2807205" y="1705942"/>
                </a:lnTo>
                <a:cubicBezTo>
                  <a:pt x="2380173" y="1788570"/>
                  <a:pt x="2086601" y="2182834"/>
                  <a:pt x="2130120" y="2615248"/>
                </a:cubicBezTo>
                <a:cubicBezTo>
                  <a:pt x="2199773" y="3512137"/>
                  <a:pt x="2059582" y="4407115"/>
                  <a:pt x="1727599" y="5231668"/>
                </a:cubicBezTo>
                <a:lnTo>
                  <a:pt x="1652165" y="5408280"/>
                </a:lnTo>
                <a:lnTo>
                  <a:pt x="1675819" y="5421936"/>
                </a:lnTo>
                <a:lnTo>
                  <a:pt x="1752828" y="5241619"/>
                </a:lnTo>
                <a:cubicBezTo>
                  <a:pt x="2086340" y="4413186"/>
                  <a:pt x="2227178" y="3514010"/>
                  <a:pt x="2157208" y="2612913"/>
                </a:cubicBezTo>
                <a:cubicBezTo>
                  <a:pt x="2114914" y="2194278"/>
                  <a:pt x="2398977" y="1812449"/>
                  <a:pt x="2812383" y="1732250"/>
                </a:cubicBezTo>
                <a:lnTo>
                  <a:pt x="4089267" y="1484057"/>
                </a:lnTo>
                <a:cubicBezTo>
                  <a:pt x="4096522" y="1482631"/>
                  <a:pt x="4101239" y="1475596"/>
                  <a:pt x="4099812" y="1468347"/>
                </a:cubicBezTo>
                <a:cubicBezTo>
                  <a:pt x="4098384" y="1461099"/>
                  <a:pt x="4091344" y="1456386"/>
                  <a:pt x="4084089" y="1457812"/>
                </a:cubicBezTo>
                <a:close/>
                <a:moveTo>
                  <a:pt x="4069376" y="1383366"/>
                </a:moveTo>
                <a:lnTo>
                  <a:pt x="2784031" y="1633263"/>
                </a:lnTo>
                <a:cubicBezTo>
                  <a:pt x="2322921" y="1722686"/>
                  <a:pt x="2006352" y="2148955"/>
                  <a:pt x="2054348" y="2615815"/>
                </a:cubicBezTo>
                <a:cubicBezTo>
                  <a:pt x="2123944" y="3502213"/>
                  <a:pt x="1985822" y="4386866"/>
                  <a:pt x="1657855" y="5201853"/>
                </a:cubicBezTo>
                <a:lnTo>
                  <a:pt x="1586024" y="5370093"/>
                </a:lnTo>
                <a:lnTo>
                  <a:pt x="1609720" y="5383774"/>
                </a:lnTo>
                <a:lnTo>
                  <a:pt x="1683084" y="5211857"/>
                </a:lnTo>
                <a:cubicBezTo>
                  <a:pt x="2012481" y="4392903"/>
                  <a:pt x="2151138" y="3503994"/>
                  <a:pt x="2081120" y="2613355"/>
                </a:cubicBezTo>
                <a:cubicBezTo>
                  <a:pt x="2034476" y="2160229"/>
                  <a:pt x="2341668" y="1746445"/>
                  <a:pt x="2789209" y="1659571"/>
                </a:cubicBezTo>
                <a:lnTo>
                  <a:pt x="4074491" y="1409611"/>
                </a:lnTo>
                <a:cubicBezTo>
                  <a:pt x="4074756" y="1409567"/>
                  <a:pt x="4075015" y="1409517"/>
                  <a:pt x="4075274" y="1409460"/>
                </a:cubicBezTo>
                <a:cubicBezTo>
                  <a:pt x="4082485" y="1407832"/>
                  <a:pt x="4087013" y="1400672"/>
                  <a:pt x="4085383" y="1393467"/>
                </a:cubicBezTo>
                <a:cubicBezTo>
                  <a:pt x="4083754" y="1386262"/>
                  <a:pt x="4076588" y="1381738"/>
                  <a:pt x="4069376" y="1383366"/>
                </a:cubicBezTo>
                <a:close/>
                <a:moveTo>
                  <a:pt x="4055485" y="1308858"/>
                </a:moveTo>
                <a:lnTo>
                  <a:pt x="2761047" y="1560584"/>
                </a:lnTo>
                <a:cubicBezTo>
                  <a:pt x="2265436" y="1656347"/>
                  <a:pt x="1925415" y="2114893"/>
                  <a:pt x="1978070" y="2616509"/>
                </a:cubicBezTo>
                <a:cubicBezTo>
                  <a:pt x="2047858" y="3492232"/>
                  <a:pt x="1912073" y="4366435"/>
                  <a:pt x="1588386" y="5171785"/>
                </a:cubicBezTo>
                <a:lnTo>
                  <a:pt x="1520054" y="5332005"/>
                </a:lnTo>
                <a:lnTo>
                  <a:pt x="1543390" y="5345478"/>
                </a:lnTo>
                <a:lnTo>
                  <a:pt x="1613243" y="5181688"/>
                </a:lnTo>
                <a:cubicBezTo>
                  <a:pt x="1938509" y="4372418"/>
                  <a:pt x="2074980" y="3493968"/>
                  <a:pt x="2004906" y="2613986"/>
                </a:cubicBezTo>
                <a:cubicBezTo>
                  <a:pt x="1953545" y="2126135"/>
                  <a:pt x="2284195" y="1680088"/>
                  <a:pt x="2766225" y="1586955"/>
                </a:cubicBezTo>
                <a:lnTo>
                  <a:pt x="4060663" y="1335166"/>
                </a:lnTo>
                <a:cubicBezTo>
                  <a:pt x="4067930" y="1333740"/>
                  <a:pt x="4072666" y="1326687"/>
                  <a:pt x="4071239" y="1319425"/>
                </a:cubicBezTo>
                <a:cubicBezTo>
                  <a:pt x="4069812" y="1312157"/>
                  <a:pt x="4062753" y="1307432"/>
                  <a:pt x="4055485" y="1308858"/>
                </a:cubicBezTo>
                <a:close/>
                <a:moveTo>
                  <a:pt x="4040583" y="1234349"/>
                </a:moveTo>
                <a:lnTo>
                  <a:pt x="2737558" y="1487779"/>
                </a:lnTo>
                <a:cubicBezTo>
                  <a:pt x="2207722" y="1590198"/>
                  <a:pt x="1844623" y="2080932"/>
                  <a:pt x="1901983" y="2617077"/>
                </a:cubicBezTo>
                <a:cubicBezTo>
                  <a:pt x="1971774" y="3482304"/>
                  <a:pt x="1838134" y="4346198"/>
                  <a:pt x="1518537" y="5142023"/>
                </a:cubicBezTo>
                <a:lnTo>
                  <a:pt x="1453858" y="5293787"/>
                </a:lnTo>
                <a:lnTo>
                  <a:pt x="1477338" y="5307343"/>
                </a:lnTo>
                <a:lnTo>
                  <a:pt x="1543580" y="5151912"/>
                </a:lnTo>
                <a:cubicBezTo>
                  <a:pt x="1864733" y="4352195"/>
                  <a:pt x="1999001" y="3484072"/>
                  <a:pt x="1928819" y="2614617"/>
                </a:cubicBezTo>
                <a:cubicBezTo>
                  <a:pt x="1872912" y="2092256"/>
                  <a:pt x="2226602" y="1614109"/>
                  <a:pt x="2742799" y="1514213"/>
                </a:cubicBezTo>
                <a:lnTo>
                  <a:pt x="4045761" y="1260594"/>
                </a:lnTo>
                <a:cubicBezTo>
                  <a:pt x="4053016" y="1259106"/>
                  <a:pt x="4057752" y="1252103"/>
                  <a:pt x="4056432" y="1244822"/>
                </a:cubicBezTo>
                <a:cubicBezTo>
                  <a:pt x="4056426" y="1244791"/>
                  <a:pt x="4056419" y="1244759"/>
                  <a:pt x="4056413" y="1244728"/>
                </a:cubicBezTo>
                <a:cubicBezTo>
                  <a:pt x="4054910" y="1237491"/>
                  <a:pt x="4047819" y="1232848"/>
                  <a:pt x="4040583" y="1234349"/>
                </a:cubicBezTo>
                <a:close/>
                <a:moveTo>
                  <a:pt x="4026060" y="1160030"/>
                </a:moveTo>
                <a:lnTo>
                  <a:pt x="2714447" y="1415290"/>
                </a:lnTo>
                <a:cubicBezTo>
                  <a:pt x="2148115" y="1527210"/>
                  <a:pt x="1765909" y="2044416"/>
                  <a:pt x="1825769" y="2617708"/>
                </a:cubicBezTo>
                <a:cubicBezTo>
                  <a:pt x="1895583" y="3472339"/>
                  <a:pt x="1764085" y="4325818"/>
                  <a:pt x="1448574" y="5111997"/>
                </a:cubicBezTo>
                <a:lnTo>
                  <a:pt x="1387467" y="5255456"/>
                </a:lnTo>
                <a:lnTo>
                  <a:pt x="1410985" y="5269034"/>
                </a:lnTo>
                <a:lnTo>
                  <a:pt x="1473684" y="5121789"/>
                </a:lnTo>
                <a:cubicBezTo>
                  <a:pt x="1790675" y="4331664"/>
                  <a:pt x="1922750" y="3473931"/>
                  <a:pt x="1852542" y="2615058"/>
                </a:cubicBezTo>
                <a:cubicBezTo>
                  <a:pt x="1794071" y="2055330"/>
                  <a:pt x="2166995" y="1550805"/>
                  <a:pt x="2719625" y="1441598"/>
                </a:cubicBezTo>
                <a:lnTo>
                  <a:pt x="4031301" y="1186338"/>
                </a:lnTo>
                <a:cubicBezTo>
                  <a:pt x="4038588" y="1184906"/>
                  <a:pt x="4043336" y="1177847"/>
                  <a:pt x="4041909" y="1170566"/>
                </a:cubicBezTo>
                <a:cubicBezTo>
                  <a:pt x="4040387" y="1163323"/>
                  <a:pt x="4033334" y="1158636"/>
                  <a:pt x="4026060" y="1160030"/>
                </a:cubicBezTo>
                <a:close/>
                <a:moveTo>
                  <a:pt x="4011537" y="1085522"/>
                </a:moveTo>
                <a:lnTo>
                  <a:pt x="2690895" y="1342800"/>
                </a:lnTo>
                <a:cubicBezTo>
                  <a:pt x="2089834" y="1461471"/>
                  <a:pt x="1685212" y="2010095"/>
                  <a:pt x="1749302" y="2618528"/>
                </a:cubicBezTo>
                <a:cubicBezTo>
                  <a:pt x="1819246" y="3462624"/>
                  <a:pt x="1689992" y="4305782"/>
                  <a:pt x="1378644" y="5082431"/>
                </a:cubicBezTo>
                <a:lnTo>
                  <a:pt x="1321276" y="5217241"/>
                </a:lnTo>
                <a:lnTo>
                  <a:pt x="1344809" y="5230828"/>
                </a:lnTo>
                <a:lnTo>
                  <a:pt x="1403833" y="5092118"/>
                </a:lnTo>
                <a:cubicBezTo>
                  <a:pt x="1716719" y="4311575"/>
                  <a:pt x="1846610" y="3464198"/>
                  <a:pt x="1776327" y="2615879"/>
                </a:cubicBezTo>
                <a:cubicBezTo>
                  <a:pt x="1713689" y="2020757"/>
                  <a:pt x="2109093" y="1484751"/>
                  <a:pt x="2696325" y="1368919"/>
                </a:cubicBezTo>
                <a:lnTo>
                  <a:pt x="4016715" y="1111767"/>
                </a:lnTo>
                <a:cubicBezTo>
                  <a:pt x="4023970" y="1110278"/>
                  <a:pt x="4028706" y="1103275"/>
                  <a:pt x="4027386" y="1095995"/>
                </a:cubicBezTo>
                <a:cubicBezTo>
                  <a:pt x="4025896" y="1088733"/>
                  <a:pt x="4018805" y="1084052"/>
                  <a:pt x="4011537" y="1085522"/>
                </a:cubicBezTo>
                <a:close/>
                <a:moveTo>
                  <a:pt x="3996825" y="1011203"/>
                </a:moveTo>
                <a:lnTo>
                  <a:pt x="2667595" y="1269869"/>
                </a:lnTo>
                <a:cubicBezTo>
                  <a:pt x="2032311" y="1395290"/>
                  <a:pt x="1604704" y="1975712"/>
                  <a:pt x="1673467" y="2618844"/>
                </a:cubicBezTo>
                <a:cubicBezTo>
                  <a:pt x="1743385" y="3452347"/>
                  <a:pt x="1616289" y="4285098"/>
                  <a:pt x="1309084" y="5052141"/>
                </a:cubicBezTo>
                <a:lnTo>
                  <a:pt x="1255123" y="5179047"/>
                </a:lnTo>
                <a:lnTo>
                  <a:pt x="1278582" y="5192591"/>
                </a:lnTo>
                <a:lnTo>
                  <a:pt x="1334058" y="5062112"/>
                </a:lnTo>
                <a:cubicBezTo>
                  <a:pt x="1642811" y="4291148"/>
                  <a:pt x="1770516" y="3454137"/>
                  <a:pt x="1700177" y="2616383"/>
                </a:cubicBezTo>
                <a:cubicBezTo>
                  <a:pt x="1632929" y="1986563"/>
                  <a:pt x="2051317" y="1419075"/>
                  <a:pt x="2672899" y="1296114"/>
                </a:cubicBezTo>
                <a:lnTo>
                  <a:pt x="4002003" y="1037448"/>
                </a:lnTo>
                <a:cubicBezTo>
                  <a:pt x="4009258" y="1035959"/>
                  <a:pt x="4013993" y="1028956"/>
                  <a:pt x="4012674" y="1021675"/>
                </a:cubicBezTo>
                <a:cubicBezTo>
                  <a:pt x="4011184" y="1014414"/>
                  <a:pt x="4004093" y="1009733"/>
                  <a:pt x="3996825" y="1011203"/>
                </a:cubicBezTo>
                <a:close/>
                <a:moveTo>
                  <a:pt x="3982491" y="936505"/>
                </a:moveTo>
                <a:lnTo>
                  <a:pt x="2644611" y="1197190"/>
                </a:lnTo>
                <a:cubicBezTo>
                  <a:pt x="1974471" y="1329803"/>
                  <a:pt x="1524323" y="1941328"/>
                  <a:pt x="1597253" y="2619601"/>
                </a:cubicBezTo>
                <a:cubicBezTo>
                  <a:pt x="1667293" y="3442603"/>
                  <a:pt x="1542402" y="4265059"/>
                  <a:pt x="1239304" y="5022579"/>
                </a:cubicBezTo>
                <a:lnTo>
                  <a:pt x="1189037" y="5140893"/>
                </a:lnTo>
                <a:lnTo>
                  <a:pt x="1212404" y="5154384"/>
                </a:lnTo>
                <a:lnTo>
                  <a:pt x="1264254" y="5032331"/>
                </a:lnTo>
                <a:cubicBezTo>
                  <a:pt x="1568895" y="4270874"/>
                  <a:pt x="1694421" y="3444154"/>
                  <a:pt x="1624026" y="2616888"/>
                </a:cubicBezTo>
                <a:cubicBezTo>
                  <a:pt x="1552611" y="1952495"/>
                  <a:pt x="1993225" y="1353462"/>
                  <a:pt x="2649915" y="1223561"/>
                </a:cubicBezTo>
                <a:lnTo>
                  <a:pt x="3987921" y="962687"/>
                </a:lnTo>
                <a:cubicBezTo>
                  <a:pt x="3995114" y="961230"/>
                  <a:pt x="3999774" y="954233"/>
                  <a:pt x="3998340" y="947041"/>
                </a:cubicBezTo>
                <a:cubicBezTo>
                  <a:pt x="3996850" y="939773"/>
                  <a:pt x="3989772" y="935073"/>
                  <a:pt x="3982491" y="936505"/>
                </a:cubicBezTo>
                <a:close/>
                <a:moveTo>
                  <a:pt x="3968347" y="862123"/>
                </a:moveTo>
                <a:lnTo>
                  <a:pt x="2621501" y="1124889"/>
                </a:lnTo>
                <a:cubicBezTo>
                  <a:pt x="1916884" y="1264191"/>
                  <a:pt x="1443815" y="1907197"/>
                  <a:pt x="1521166" y="2620610"/>
                </a:cubicBezTo>
                <a:cubicBezTo>
                  <a:pt x="1591274" y="3432981"/>
                  <a:pt x="1468578" y="4245010"/>
                  <a:pt x="1169606" y="4992875"/>
                </a:cubicBezTo>
                <a:lnTo>
                  <a:pt x="1122962" y="5102744"/>
                </a:lnTo>
                <a:lnTo>
                  <a:pt x="1146248" y="5116188"/>
                </a:lnTo>
                <a:lnTo>
                  <a:pt x="1194551" y="5002394"/>
                </a:lnTo>
                <a:cubicBezTo>
                  <a:pt x="1495058" y="4250561"/>
                  <a:pt x="1618371" y="3434243"/>
                  <a:pt x="1547875" y="2617582"/>
                </a:cubicBezTo>
                <a:cubicBezTo>
                  <a:pt x="1472166" y="1918111"/>
                  <a:pt x="1935891" y="1287597"/>
                  <a:pt x="2626994" y="1150882"/>
                </a:cubicBezTo>
                <a:lnTo>
                  <a:pt x="3973525" y="888431"/>
                </a:lnTo>
                <a:cubicBezTo>
                  <a:pt x="3980793" y="887005"/>
                  <a:pt x="3985529" y="879958"/>
                  <a:pt x="3984101" y="872690"/>
                </a:cubicBezTo>
                <a:cubicBezTo>
                  <a:pt x="3982674" y="865422"/>
                  <a:pt x="3975615" y="860697"/>
                  <a:pt x="3968347" y="862123"/>
                </a:cubicBezTo>
                <a:close/>
                <a:moveTo>
                  <a:pt x="2576037" y="2475"/>
                </a:moveTo>
                <a:lnTo>
                  <a:pt x="2571750" y="0"/>
                </a:lnTo>
                <a:lnTo>
                  <a:pt x="2569593" y="3737"/>
                </a:lnTo>
                <a:close/>
                <a:moveTo>
                  <a:pt x="2676037" y="60210"/>
                </a:moveTo>
                <a:lnTo>
                  <a:pt x="2640711" y="39815"/>
                </a:lnTo>
                <a:lnTo>
                  <a:pt x="2537045" y="60112"/>
                </a:lnTo>
                <a:lnTo>
                  <a:pt x="2519261" y="90915"/>
                </a:lnTo>
                <a:close/>
                <a:moveTo>
                  <a:pt x="2775934" y="117886"/>
                </a:moveTo>
                <a:lnTo>
                  <a:pt x="2740624" y="97499"/>
                </a:lnTo>
                <a:lnTo>
                  <a:pt x="2486769" y="147191"/>
                </a:lnTo>
                <a:lnTo>
                  <a:pt x="2468990" y="177986"/>
                </a:lnTo>
                <a:close/>
                <a:moveTo>
                  <a:pt x="2875607" y="175432"/>
                </a:moveTo>
                <a:lnTo>
                  <a:pt x="2840431" y="155123"/>
                </a:lnTo>
                <a:lnTo>
                  <a:pt x="2436576" y="234129"/>
                </a:lnTo>
                <a:lnTo>
                  <a:pt x="2418876" y="264786"/>
                </a:lnTo>
                <a:close/>
                <a:moveTo>
                  <a:pt x="2975594" y="233159"/>
                </a:moveTo>
                <a:lnTo>
                  <a:pt x="2940418" y="212851"/>
                </a:lnTo>
                <a:lnTo>
                  <a:pt x="2386287" y="321231"/>
                </a:lnTo>
                <a:lnTo>
                  <a:pt x="2368410" y="352196"/>
                </a:lnTo>
                <a:lnTo>
                  <a:pt x="2371327" y="351478"/>
                </a:lnTo>
                <a:close/>
                <a:moveTo>
                  <a:pt x="3075640" y="290921"/>
                </a:moveTo>
                <a:lnTo>
                  <a:pt x="3040348" y="270545"/>
                </a:lnTo>
                <a:lnTo>
                  <a:pt x="2389323" y="397849"/>
                </a:lnTo>
                <a:lnTo>
                  <a:pt x="2334154" y="411528"/>
                </a:lnTo>
                <a:lnTo>
                  <a:pt x="2315502" y="443835"/>
                </a:lnTo>
                <a:lnTo>
                  <a:pt x="2394627" y="424220"/>
                </a:lnTo>
                <a:close/>
                <a:moveTo>
                  <a:pt x="3175538" y="348597"/>
                </a:moveTo>
                <a:lnTo>
                  <a:pt x="3140418" y="328321"/>
                </a:lnTo>
                <a:lnTo>
                  <a:pt x="2412496" y="470590"/>
                </a:lnTo>
                <a:lnTo>
                  <a:pt x="2281274" y="503119"/>
                </a:lnTo>
                <a:lnTo>
                  <a:pt x="2262691" y="535306"/>
                </a:lnTo>
                <a:lnTo>
                  <a:pt x="2417864" y="496836"/>
                </a:lnTo>
                <a:close/>
                <a:moveTo>
                  <a:pt x="3275431" y="406271"/>
                </a:moveTo>
                <a:lnTo>
                  <a:pt x="3240812" y="386283"/>
                </a:lnTo>
                <a:lnTo>
                  <a:pt x="2435796" y="543585"/>
                </a:lnTo>
                <a:cubicBezTo>
                  <a:pt x="2375005" y="555596"/>
                  <a:pt x="2315424" y="570393"/>
                  <a:pt x="2257167" y="587822"/>
                </a:cubicBezTo>
                <a:lnTo>
                  <a:pt x="2226054" y="598765"/>
                </a:lnTo>
                <a:lnTo>
                  <a:pt x="2205753" y="633926"/>
                </a:lnTo>
                <a:lnTo>
                  <a:pt x="2264841" y="613129"/>
                </a:lnTo>
                <a:cubicBezTo>
                  <a:pt x="2322283" y="595926"/>
                  <a:pt x="2381031" y="581316"/>
                  <a:pt x="2440974" y="569451"/>
                </a:cubicBezTo>
                <a:close/>
                <a:moveTo>
                  <a:pt x="3375392" y="463983"/>
                </a:moveTo>
                <a:lnTo>
                  <a:pt x="3340350" y="443751"/>
                </a:lnTo>
                <a:lnTo>
                  <a:pt x="2459222" y="615885"/>
                </a:lnTo>
                <a:cubicBezTo>
                  <a:pt x="2400558" y="627478"/>
                  <a:pt x="2343062" y="641758"/>
                  <a:pt x="2286845" y="658576"/>
                </a:cubicBezTo>
                <a:lnTo>
                  <a:pt x="2167241" y="700632"/>
                </a:lnTo>
                <a:lnTo>
                  <a:pt x="2146734" y="736150"/>
                </a:lnTo>
                <a:lnTo>
                  <a:pt x="2294298" y="684230"/>
                </a:lnTo>
                <a:cubicBezTo>
                  <a:pt x="2349692" y="667648"/>
                  <a:pt x="2406345" y="653565"/>
                  <a:pt x="2464148" y="642130"/>
                </a:cubicBezTo>
                <a:close/>
                <a:moveTo>
                  <a:pt x="3475571" y="521822"/>
                </a:moveTo>
                <a:lnTo>
                  <a:pt x="3440382" y="501505"/>
                </a:lnTo>
                <a:lnTo>
                  <a:pt x="2482207" y="688690"/>
                </a:lnTo>
                <a:cubicBezTo>
                  <a:pt x="2369164" y="711039"/>
                  <a:pt x="2260621" y="743740"/>
                  <a:pt x="2157418" y="785641"/>
                </a:cubicBezTo>
                <a:lnTo>
                  <a:pt x="2103883" y="810370"/>
                </a:lnTo>
                <a:lnTo>
                  <a:pt x="2080642" y="850624"/>
                </a:lnTo>
                <a:lnTo>
                  <a:pt x="2167626" y="810407"/>
                </a:lnTo>
                <a:cubicBezTo>
                  <a:pt x="2269268" y="769091"/>
                  <a:pt x="2376173" y="736828"/>
                  <a:pt x="2487510" y="714746"/>
                </a:cubicBezTo>
                <a:close/>
                <a:moveTo>
                  <a:pt x="3575715" y="579640"/>
                </a:moveTo>
                <a:lnTo>
                  <a:pt x="3540445" y="559276"/>
                </a:lnTo>
                <a:lnTo>
                  <a:pt x="2505443" y="761243"/>
                </a:lnTo>
                <a:cubicBezTo>
                  <a:pt x="2342285" y="793513"/>
                  <a:pt x="2188863" y="848183"/>
                  <a:pt x="2047910" y="921524"/>
                </a:cubicBezTo>
                <a:lnTo>
                  <a:pt x="2035568" y="928695"/>
                </a:lnTo>
                <a:lnTo>
                  <a:pt x="2008623" y="975366"/>
                </a:lnTo>
                <a:lnTo>
                  <a:pt x="2060276" y="945343"/>
                </a:lnTo>
                <a:cubicBezTo>
                  <a:pt x="2199019" y="873126"/>
                  <a:pt x="2350031" y="819285"/>
                  <a:pt x="2510621" y="787488"/>
                </a:cubicBezTo>
                <a:close/>
                <a:moveTo>
                  <a:pt x="3675634" y="637328"/>
                </a:moveTo>
                <a:lnTo>
                  <a:pt x="3640173" y="616855"/>
                </a:lnTo>
                <a:lnTo>
                  <a:pt x="2528680" y="833796"/>
                </a:lnTo>
                <a:cubicBezTo>
                  <a:pt x="2326991" y="873530"/>
                  <a:pt x="2136480" y="950457"/>
                  <a:pt x="1966063" y="1058906"/>
                </a:cubicBezTo>
                <a:lnTo>
                  <a:pt x="1956512" y="1065624"/>
                </a:lnTo>
                <a:lnTo>
                  <a:pt x="1924686" y="1120749"/>
                </a:lnTo>
                <a:lnTo>
                  <a:pt x="1972297" y="1086831"/>
                </a:lnTo>
                <a:cubicBezTo>
                  <a:pt x="2139078" y="979252"/>
                  <a:pt x="2328327" y="900938"/>
                  <a:pt x="2533921" y="860230"/>
                </a:cubicBezTo>
                <a:close/>
                <a:moveTo>
                  <a:pt x="3775430" y="694945"/>
                </a:moveTo>
                <a:lnTo>
                  <a:pt x="3739942" y="674456"/>
                </a:lnTo>
                <a:lnTo>
                  <a:pt x="2551980" y="906222"/>
                </a:lnTo>
                <a:cubicBezTo>
                  <a:pt x="2299406" y="956260"/>
                  <a:pt x="2072880" y="1062696"/>
                  <a:pt x="1883548" y="1210367"/>
                </a:cubicBezTo>
                <a:lnTo>
                  <a:pt x="1862566" y="1228344"/>
                </a:lnTo>
                <a:lnTo>
                  <a:pt x="1822113" y="1298411"/>
                </a:lnTo>
                <a:lnTo>
                  <a:pt x="1900091" y="1231612"/>
                </a:lnTo>
                <a:cubicBezTo>
                  <a:pt x="2086187" y="1086494"/>
                  <a:pt x="2308843" y="981914"/>
                  <a:pt x="2557094" y="932783"/>
                </a:cubicBezTo>
                <a:close/>
                <a:moveTo>
                  <a:pt x="3875651" y="752808"/>
                </a:moveTo>
                <a:lnTo>
                  <a:pt x="3840301" y="732399"/>
                </a:lnTo>
                <a:lnTo>
                  <a:pt x="2574964" y="979279"/>
                </a:lnTo>
                <a:cubicBezTo>
                  <a:pt x="2236611" y="1046323"/>
                  <a:pt x="1946964" y="1219102"/>
                  <a:pt x="1735391" y="1457855"/>
                </a:cubicBezTo>
                <a:lnTo>
                  <a:pt x="1716684" y="1481018"/>
                </a:lnTo>
                <a:lnTo>
                  <a:pt x="1446983" y="1948155"/>
                </a:lnTo>
                <a:lnTo>
                  <a:pt x="1412225" y="2055959"/>
                </a:lnTo>
                <a:cubicBezTo>
                  <a:pt x="1363622" y="2234653"/>
                  <a:pt x="1347363" y="2425617"/>
                  <a:pt x="1368927" y="2621430"/>
                </a:cubicBezTo>
                <a:cubicBezTo>
                  <a:pt x="1440108" y="3421786"/>
                  <a:pt x="1318317" y="4222030"/>
                  <a:pt x="1020508" y="4957395"/>
                </a:cubicBezTo>
                <a:lnTo>
                  <a:pt x="990802" y="5026441"/>
                </a:lnTo>
                <a:lnTo>
                  <a:pt x="1013845" y="5039745"/>
                </a:lnTo>
                <a:lnTo>
                  <a:pt x="1054986" y="4942653"/>
                </a:lnTo>
                <a:cubicBezTo>
                  <a:pt x="1347255" y="4209934"/>
                  <a:pt x="1466195" y="3414294"/>
                  <a:pt x="1395573" y="2618718"/>
                </a:cubicBezTo>
                <a:cubicBezTo>
                  <a:pt x="1311025" y="1849533"/>
                  <a:pt x="1820275" y="1155929"/>
                  <a:pt x="2580079" y="1005588"/>
                </a:cubicBezTo>
                <a:close/>
                <a:moveTo>
                  <a:pt x="3968634" y="806492"/>
                </a:moveTo>
                <a:lnTo>
                  <a:pt x="3940438" y="790213"/>
                </a:lnTo>
                <a:lnTo>
                  <a:pt x="2598138" y="1051895"/>
                </a:lnTo>
                <a:cubicBezTo>
                  <a:pt x="1859361" y="1197947"/>
                  <a:pt x="1363307" y="1872750"/>
                  <a:pt x="1445141" y="2620989"/>
                </a:cubicBezTo>
                <a:cubicBezTo>
                  <a:pt x="1515328" y="3422833"/>
                  <a:pt x="1394837" y="4224537"/>
                  <a:pt x="1100009" y="4962870"/>
                </a:cubicBezTo>
                <a:lnTo>
                  <a:pt x="1056869" y="5064585"/>
                </a:lnTo>
                <a:lnTo>
                  <a:pt x="1080039" y="5077962"/>
                </a:lnTo>
                <a:lnTo>
                  <a:pt x="1124702" y="4972656"/>
                </a:lnTo>
                <a:cubicBezTo>
                  <a:pt x="1421112" y="4230361"/>
                  <a:pt x="1542263" y="3424360"/>
                  <a:pt x="1471724" y="2618213"/>
                </a:cubicBezTo>
                <a:cubicBezTo>
                  <a:pt x="1391090" y="1883790"/>
                  <a:pt x="1878178" y="1221731"/>
                  <a:pt x="2603442" y="1078203"/>
                </a:cubicBezTo>
                <a:lnTo>
                  <a:pt x="3958686" y="813985"/>
                </a:lnTo>
                <a:cubicBezTo>
                  <a:pt x="3959236" y="813910"/>
                  <a:pt x="3959785" y="813802"/>
                  <a:pt x="3960322" y="813657"/>
                </a:cubicBezTo>
                <a:cubicBezTo>
                  <a:pt x="3963911" y="812711"/>
                  <a:pt x="3966776" y="810399"/>
                  <a:pt x="3968507" y="807427"/>
                </a:cubicBezTo>
                <a:close/>
              </a:path>
            </a:pathLst>
          </a:custGeom>
          <a:solidFill>
            <a:schemeClr val="accent2">
              <a:alpha val="40000"/>
            </a:schemeClr>
          </a:solidFill>
          <a:ln w="630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2489"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5" name="TextBox 4">
            <a:extLst>
              <a:ext uri="{FF2B5EF4-FFF2-40B4-BE49-F238E27FC236}">
                <a16:creationId xmlns:a16="http://schemas.microsoft.com/office/drawing/2014/main" id="{8B36DB45-9EF6-2E1A-82DF-CCF6C18C1172}"/>
              </a:ext>
            </a:extLst>
          </p:cNvPr>
          <p:cNvSpPr txBox="1"/>
          <p:nvPr/>
        </p:nvSpPr>
        <p:spPr>
          <a:xfrm>
            <a:off x="2145436" y="2562160"/>
            <a:ext cx="7901127" cy="1733680"/>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5333" spc="400" dirty="0">
                <a:solidFill>
                  <a:srgbClr val="F3F3F3"/>
                </a:solidFill>
                <a:latin typeface="Montserrat Light" panose="02020603050405020304"/>
              </a:rPr>
              <a:t>Taking a Draw</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5333" b="0" i="0" u="none" strike="noStrike" kern="1200" cap="none" spc="400" normalizeH="0" baseline="0" noProof="0" dirty="0">
                <a:ln>
                  <a:noFill/>
                </a:ln>
                <a:solidFill>
                  <a:srgbClr val="F3F3F3"/>
                </a:solidFill>
                <a:effectLst/>
                <a:uLnTx/>
                <a:uFillTx/>
                <a:latin typeface="Montserrat Light" panose="02020603050405020304"/>
                <a:ea typeface="+mn-ea"/>
                <a:cs typeface="+mn-cs"/>
              </a:rPr>
              <a:t>and Repayments</a:t>
            </a:r>
            <a:endParaRPr kumimoji="0" lang="en-US" sz="5333" b="0" i="0" u="none" strike="noStrike" kern="1200" cap="none" spc="400" normalizeH="0" baseline="0" noProof="0" dirty="0">
              <a:ln>
                <a:noFill/>
              </a:ln>
              <a:solidFill>
                <a:srgbClr val="F3F3F3"/>
              </a:solidFill>
              <a:effectLst/>
              <a:uLnTx/>
              <a:uFillTx/>
              <a:latin typeface="Montserrat Bold" panose="020B0604020202020204"/>
              <a:ea typeface="+mn-ea"/>
              <a:cs typeface="+mn-cs"/>
            </a:endParaRPr>
          </a:p>
        </p:txBody>
      </p:sp>
    </p:spTree>
    <p:extLst>
      <p:ext uri="{BB962C8B-B14F-4D97-AF65-F5344CB8AC3E}">
        <p14:creationId xmlns:p14="http://schemas.microsoft.com/office/powerpoint/2010/main" val="394000967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FDD452E-1911-7490-C357-6EE3F2408F42}"/>
            </a:ext>
          </a:extLst>
        </p:cNvPr>
        <p:cNvGrpSpPr/>
        <p:nvPr/>
      </p:nvGrpSpPr>
      <p:grpSpPr>
        <a:xfrm>
          <a:off x="0" y="0"/>
          <a:ext cx="0" cy="0"/>
          <a:chOff x="0" y="0"/>
          <a:chExt cx="0" cy="0"/>
        </a:xfrm>
      </p:grpSpPr>
      <p:pic>
        <p:nvPicPr>
          <p:cNvPr id="300" name="Graphic 299">
            <a:extLst>
              <a:ext uri="{FF2B5EF4-FFF2-40B4-BE49-F238E27FC236}">
                <a16:creationId xmlns:a16="http://schemas.microsoft.com/office/drawing/2014/main" id="{BF83B3AF-0DA4-D28B-DAAA-A5D25FCBA95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6200000">
            <a:off x="-1033592" y="4001126"/>
            <a:ext cx="4130984" cy="2065492"/>
          </a:xfrm>
          <a:prstGeom prst="rect">
            <a:avLst/>
          </a:prstGeom>
        </p:spPr>
      </p:pic>
      <p:pic>
        <p:nvPicPr>
          <p:cNvPr id="38" name="Graphic 37">
            <a:extLst>
              <a:ext uri="{FF2B5EF4-FFF2-40B4-BE49-F238E27FC236}">
                <a16:creationId xmlns:a16="http://schemas.microsoft.com/office/drawing/2014/main" id="{5DD20971-1A74-2835-F624-F540827654D2}"/>
              </a:ext>
            </a:extLst>
          </p:cNvPr>
          <p:cNvPicPr>
            <a:picLocks noChangeAspect="1"/>
          </p:cNvPicPr>
          <p:nvPr/>
        </p:nvPicPr>
        <p:blipFill>
          <a:blip r:embed="rId6">
            <a:extLst>
              <a:ext uri="{28A0092B-C50C-407E-A947-70E740481C1C}">
                <a14:useLocalDpi xmlns:a14="http://schemas.microsoft.com/office/drawing/2010/main"/>
              </a:ext>
              <a:ext uri="{96DAC541-7B7A-43D3-8B79-37D633B846F1}">
                <asvg:svgBlip xmlns:asvg="http://schemas.microsoft.com/office/drawing/2016/SVG/main" r:embed="rId7"/>
              </a:ext>
            </a:extLst>
          </a:blip>
          <a:srcRect t="44662"/>
          <a:stretch>
            <a:fillRect/>
          </a:stretch>
        </p:blipFill>
        <p:spPr>
          <a:xfrm rot="12600000" flipH="1" flipV="1">
            <a:off x="8330746" y="-690460"/>
            <a:ext cx="6243405" cy="5679783"/>
          </a:xfrm>
          <a:custGeom>
            <a:avLst/>
            <a:gdLst>
              <a:gd name="connsiteX0" fmla="*/ 4486258 w 4486258"/>
              <a:gd name="connsiteY0" fmla="*/ 4081262 h 4081262"/>
              <a:gd name="connsiteX1" fmla="*/ 0 w 4486258"/>
              <a:gd name="connsiteY1" fmla="*/ 4081262 h 4081262"/>
              <a:gd name="connsiteX2" fmla="*/ 0 w 4486258"/>
              <a:gd name="connsiteY2" fmla="*/ 1412885 h 4081262"/>
              <a:gd name="connsiteX3" fmla="*/ 2447189 w 4486258"/>
              <a:gd name="connsiteY3" fmla="*/ 0 h 4081262"/>
              <a:gd name="connsiteX4" fmla="*/ 4486258 w 4486258"/>
              <a:gd name="connsiteY4" fmla="*/ 3531771 h 40812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6258" h="4081262">
                <a:moveTo>
                  <a:pt x="4486258" y="4081262"/>
                </a:moveTo>
                <a:lnTo>
                  <a:pt x="0" y="4081262"/>
                </a:lnTo>
                <a:lnTo>
                  <a:pt x="0" y="1412885"/>
                </a:lnTo>
                <a:lnTo>
                  <a:pt x="2447189" y="0"/>
                </a:lnTo>
                <a:lnTo>
                  <a:pt x="4486258" y="3531771"/>
                </a:lnTo>
                <a:close/>
              </a:path>
            </a:pathLst>
          </a:custGeom>
        </p:spPr>
      </p:pic>
      <p:sp>
        <p:nvSpPr>
          <p:cNvPr id="41" name="Title 40">
            <a:extLst>
              <a:ext uri="{FF2B5EF4-FFF2-40B4-BE49-F238E27FC236}">
                <a16:creationId xmlns:a16="http://schemas.microsoft.com/office/drawing/2014/main" id="{D7C9FE3F-07DD-DA12-63C5-F245F95CA39C}"/>
              </a:ext>
            </a:extLst>
          </p:cNvPr>
          <p:cNvSpPr>
            <a:spLocks noGrp="1"/>
          </p:cNvSpPr>
          <p:nvPr>
            <p:ph type="title"/>
          </p:nvPr>
        </p:nvSpPr>
        <p:spPr/>
        <p:txBody>
          <a:bodyPr/>
          <a:lstStyle/>
          <a:p>
            <a:pPr algn="l"/>
            <a:r>
              <a:rPr lang="en-US" dirty="0"/>
              <a:t>The initial draw</a:t>
            </a:r>
          </a:p>
        </p:txBody>
      </p:sp>
      <p:sp>
        <p:nvSpPr>
          <p:cNvPr id="3" name="TextBox 2">
            <a:extLst>
              <a:ext uri="{FF2B5EF4-FFF2-40B4-BE49-F238E27FC236}">
                <a16:creationId xmlns:a16="http://schemas.microsoft.com/office/drawing/2014/main" id="{FAC8A984-3405-97BF-4BF4-46B4393D40AC}"/>
              </a:ext>
            </a:extLst>
          </p:cNvPr>
          <p:cNvSpPr txBox="1"/>
          <p:nvPr/>
        </p:nvSpPr>
        <p:spPr>
          <a:xfrm>
            <a:off x="785191" y="1838739"/>
            <a:ext cx="3210339" cy="3416320"/>
          </a:xfrm>
          <a:prstGeom prst="rect">
            <a:avLst/>
          </a:prstGeom>
          <a:noFill/>
        </p:spPr>
        <p:txBody>
          <a:bodyPr wrap="square" rtlCol="0">
            <a:spAutoFit/>
          </a:bodyPr>
          <a:lstStyle/>
          <a:p>
            <a:pPr algn="l"/>
            <a:r>
              <a:rPr lang="en-US" b="1" dirty="0">
                <a:solidFill>
                  <a:schemeClr val="bg1"/>
                </a:solidFill>
                <a:latin typeface="+mn-lt"/>
              </a:rPr>
              <a:t>The SMB will:</a:t>
            </a:r>
          </a:p>
          <a:p>
            <a:pPr algn="l"/>
            <a:endParaRPr lang="en-US" dirty="0">
              <a:solidFill>
                <a:schemeClr val="bg1"/>
              </a:solidFill>
            </a:endParaRPr>
          </a:p>
          <a:p>
            <a:pPr marL="228600" indent="-228600" algn="l">
              <a:buFont typeface="+mj-lt"/>
              <a:buAutoNum type="arabicPeriod"/>
            </a:pPr>
            <a:r>
              <a:rPr lang="en-US" dirty="0">
                <a:solidFill>
                  <a:schemeClr val="bg1"/>
                </a:solidFill>
              </a:rPr>
              <a:t>Choose their advance amount.</a:t>
            </a:r>
          </a:p>
          <a:p>
            <a:pPr marL="228600" indent="-228600" algn="l">
              <a:buFont typeface="+mj-lt"/>
              <a:buAutoNum type="arabicPeriod"/>
            </a:pPr>
            <a:endParaRPr lang="en-US" dirty="0">
              <a:solidFill>
                <a:schemeClr val="bg1"/>
              </a:solidFill>
            </a:endParaRPr>
          </a:p>
          <a:p>
            <a:pPr marL="228600" indent="-228600" algn="l">
              <a:buFont typeface="+mj-lt"/>
              <a:buAutoNum type="arabicPeriod"/>
            </a:pPr>
            <a:r>
              <a:rPr lang="en-US" dirty="0">
                <a:solidFill>
                  <a:schemeClr val="bg1"/>
                </a:solidFill>
              </a:rPr>
              <a:t>The Advance Summary will show the advance terms.</a:t>
            </a:r>
          </a:p>
          <a:p>
            <a:pPr marL="228600" indent="-228600" algn="l">
              <a:buFont typeface="+mj-lt"/>
              <a:buAutoNum type="arabicPeriod"/>
            </a:pPr>
            <a:endParaRPr lang="en-US" dirty="0">
              <a:solidFill>
                <a:schemeClr val="bg1"/>
              </a:solidFill>
            </a:endParaRPr>
          </a:p>
          <a:p>
            <a:pPr marL="228600" indent="-228600" algn="l">
              <a:buFont typeface="+mj-lt"/>
              <a:buAutoNum type="arabicPeriod"/>
            </a:pPr>
            <a:r>
              <a:rPr lang="en-US" dirty="0">
                <a:solidFill>
                  <a:schemeClr val="bg1"/>
                </a:solidFill>
              </a:rPr>
              <a:t>The SMB must check the accept terms box, then click Accept to finalize the draw.</a:t>
            </a:r>
          </a:p>
          <a:p>
            <a:pPr algn="l"/>
            <a:endParaRPr lang="en-US" dirty="0">
              <a:solidFill>
                <a:schemeClr val="bg1"/>
              </a:solidFill>
              <a:latin typeface="+mn-lt"/>
            </a:endParaRPr>
          </a:p>
        </p:txBody>
      </p:sp>
      <p:pic>
        <p:nvPicPr>
          <p:cNvPr id="6" name="Picture 5" descr="Screens screenshot of a computer screen&#10;&#10;AI-generated content may be incorrect.">
            <a:extLst>
              <a:ext uri="{FF2B5EF4-FFF2-40B4-BE49-F238E27FC236}">
                <a16:creationId xmlns:a16="http://schemas.microsoft.com/office/drawing/2014/main" id="{1A6C027A-5ED1-1BA3-AC4E-F1E61FBF8134}"/>
              </a:ext>
            </a:extLst>
          </p:cNvPr>
          <p:cNvPicPr>
            <a:picLocks noChangeAspect="1"/>
          </p:cNvPicPr>
          <p:nvPr/>
        </p:nvPicPr>
        <p:blipFill>
          <a:blip r:embed="rId8"/>
          <a:stretch>
            <a:fillRect/>
          </a:stretch>
        </p:blipFill>
        <p:spPr>
          <a:xfrm>
            <a:off x="4781568" y="1352467"/>
            <a:ext cx="6570870" cy="4388863"/>
          </a:xfrm>
          <a:prstGeom prst="rect">
            <a:avLst/>
          </a:prstGeom>
        </p:spPr>
      </p:pic>
    </p:spTree>
    <p:custDataLst>
      <p:tags r:id="rId1"/>
    </p:custDataLst>
    <p:extLst>
      <p:ext uri="{BB962C8B-B14F-4D97-AF65-F5344CB8AC3E}">
        <p14:creationId xmlns:p14="http://schemas.microsoft.com/office/powerpoint/2010/main" val="67415078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65AF4A7-36AC-43B2-A82F-A8BC6428E92B}"/>
            </a:ext>
          </a:extLst>
        </p:cNvPr>
        <p:cNvGrpSpPr/>
        <p:nvPr/>
      </p:nvGrpSpPr>
      <p:grpSpPr>
        <a:xfrm>
          <a:off x="0" y="0"/>
          <a:ext cx="0" cy="0"/>
          <a:chOff x="0" y="0"/>
          <a:chExt cx="0" cy="0"/>
        </a:xfrm>
      </p:grpSpPr>
      <p:pic>
        <p:nvPicPr>
          <p:cNvPr id="300" name="Graphic 299">
            <a:extLst>
              <a:ext uri="{FF2B5EF4-FFF2-40B4-BE49-F238E27FC236}">
                <a16:creationId xmlns:a16="http://schemas.microsoft.com/office/drawing/2014/main" id="{34E20AAE-93AE-143A-8CE4-A6CE6A2B97F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6200000">
            <a:off x="-1033592" y="4001126"/>
            <a:ext cx="4130984" cy="2065492"/>
          </a:xfrm>
          <a:prstGeom prst="rect">
            <a:avLst/>
          </a:prstGeom>
        </p:spPr>
      </p:pic>
      <p:sp>
        <p:nvSpPr>
          <p:cNvPr id="41" name="Title 40">
            <a:extLst>
              <a:ext uri="{FF2B5EF4-FFF2-40B4-BE49-F238E27FC236}">
                <a16:creationId xmlns:a16="http://schemas.microsoft.com/office/drawing/2014/main" id="{FF8F9096-83CF-4311-559A-6E916BB4D192}"/>
              </a:ext>
            </a:extLst>
          </p:cNvPr>
          <p:cNvSpPr>
            <a:spLocks noGrp="1"/>
          </p:cNvSpPr>
          <p:nvPr>
            <p:ph type="title"/>
          </p:nvPr>
        </p:nvSpPr>
        <p:spPr/>
        <p:txBody>
          <a:bodyPr/>
          <a:lstStyle/>
          <a:p>
            <a:pPr algn="l"/>
            <a:r>
              <a:rPr lang="en-US" dirty="0"/>
              <a:t>Repayment of draws</a:t>
            </a:r>
          </a:p>
        </p:txBody>
      </p:sp>
      <p:graphicFrame>
        <p:nvGraphicFramePr>
          <p:cNvPr id="4" name="Diagram 3">
            <a:extLst>
              <a:ext uri="{FF2B5EF4-FFF2-40B4-BE49-F238E27FC236}">
                <a16:creationId xmlns:a16="http://schemas.microsoft.com/office/drawing/2014/main" id="{A074525B-99E0-8C2B-F8F3-200B956C2A91}"/>
              </a:ext>
            </a:extLst>
          </p:cNvPr>
          <p:cNvGraphicFramePr/>
          <p:nvPr>
            <p:extLst>
              <p:ext uri="{D42A27DB-BD31-4B8C-83A1-F6EECF244321}">
                <p14:modId xmlns:p14="http://schemas.microsoft.com/office/powerpoint/2010/main" val="3306909865"/>
              </p:ext>
            </p:extLst>
          </p:nvPr>
        </p:nvGraphicFramePr>
        <p:xfrm>
          <a:off x="4318000" y="858814"/>
          <a:ext cx="8128000" cy="5418667"/>
        </p:xfrm>
        <a:graphic>
          <a:graphicData uri="http://schemas.openxmlformats.org/drawingml/2006/diagram">
            <dgm:relIds xmlns:dgm="http://schemas.openxmlformats.org/drawingml/2006/diagram" xmlns:r="http://schemas.openxmlformats.org/officeDocument/2006/relationships" r:dm="rId6" r:lo="rId7" r:qs="rId8" r:cs="rId9"/>
          </a:graphicData>
        </a:graphic>
      </p:graphicFrame>
      <p:sp>
        <p:nvSpPr>
          <p:cNvPr id="5" name="TextBox 4">
            <a:extLst>
              <a:ext uri="{FF2B5EF4-FFF2-40B4-BE49-F238E27FC236}">
                <a16:creationId xmlns:a16="http://schemas.microsoft.com/office/drawing/2014/main" id="{81992677-022D-1544-A827-CD2950B3407C}"/>
              </a:ext>
            </a:extLst>
          </p:cNvPr>
          <p:cNvSpPr txBox="1"/>
          <p:nvPr/>
        </p:nvSpPr>
        <p:spPr>
          <a:xfrm>
            <a:off x="785191" y="1838739"/>
            <a:ext cx="3796748" cy="4247317"/>
          </a:xfrm>
          <a:prstGeom prst="rect">
            <a:avLst/>
          </a:prstGeom>
          <a:noFill/>
        </p:spPr>
        <p:txBody>
          <a:bodyPr wrap="square" rtlCol="0">
            <a:spAutoFit/>
          </a:bodyPr>
          <a:lstStyle/>
          <a:p>
            <a:pPr algn="l"/>
            <a:r>
              <a:rPr lang="en-US" b="1" dirty="0">
                <a:solidFill>
                  <a:schemeClr val="bg1"/>
                </a:solidFill>
              </a:rPr>
              <a:t>Notes on repayment:</a:t>
            </a:r>
            <a:endParaRPr lang="en-US" b="1" dirty="0">
              <a:solidFill>
                <a:schemeClr val="bg1"/>
              </a:solidFill>
              <a:latin typeface="+mn-lt"/>
            </a:endParaRPr>
          </a:p>
          <a:p>
            <a:pPr algn="l"/>
            <a:endParaRPr lang="en-US" dirty="0">
              <a:solidFill>
                <a:schemeClr val="bg1"/>
              </a:solidFill>
            </a:endParaRPr>
          </a:p>
          <a:p>
            <a:pPr marL="285750" indent="-285750" algn="l">
              <a:buFont typeface="Arial" panose="020B0604020202020204" pitchFamily="34" charset="0"/>
              <a:buChar char="•"/>
            </a:pPr>
            <a:r>
              <a:rPr lang="en-US" dirty="0">
                <a:solidFill>
                  <a:schemeClr val="bg1"/>
                </a:solidFill>
                <a:latin typeface="+mn-lt"/>
              </a:rPr>
              <a:t>Repayment is spread over a set number of weeks, determined at the time of draw</a:t>
            </a:r>
          </a:p>
          <a:p>
            <a:pPr marL="285750" indent="-285750" algn="l">
              <a:buFont typeface="Arial" panose="020B0604020202020204" pitchFamily="34" charset="0"/>
              <a:buChar char="•"/>
            </a:pPr>
            <a:endParaRPr lang="en-US" dirty="0">
              <a:solidFill>
                <a:schemeClr val="bg1"/>
              </a:solidFill>
            </a:endParaRPr>
          </a:p>
          <a:p>
            <a:pPr marL="285750" indent="-285750" algn="l">
              <a:buFont typeface="Arial" panose="020B0604020202020204" pitchFamily="34" charset="0"/>
              <a:buChar char="•"/>
            </a:pPr>
            <a:r>
              <a:rPr lang="en-US" dirty="0">
                <a:solidFill>
                  <a:schemeClr val="bg1"/>
                </a:solidFill>
              </a:rPr>
              <a:t>The SMB is allowed to have concurrent draws, if the total drawn funds doesn’t exceed their approved line amount</a:t>
            </a:r>
          </a:p>
          <a:p>
            <a:pPr marL="285750" indent="-285750" algn="l">
              <a:buFont typeface="Arial" panose="020B0604020202020204" pitchFamily="34" charset="0"/>
              <a:buChar char="•"/>
            </a:pPr>
            <a:endParaRPr lang="en-US" dirty="0">
              <a:solidFill>
                <a:schemeClr val="bg1"/>
              </a:solidFill>
              <a:latin typeface="+mn-lt"/>
            </a:endParaRPr>
          </a:p>
          <a:p>
            <a:pPr marL="285750" indent="-285750" algn="l">
              <a:buFont typeface="Arial" panose="020B0604020202020204" pitchFamily="34" charset="0"/>
              <a:buChar char="•"/>
            </a:pPr>
            <a:r>
              <a:rPr lang="en-US" dirty="0">
                <a:solidFill>
                  <a:schemeClr val="bg1"/>
                </a:solidFill>
              </a:rPr>
              <a:t>If the SMB is unable to make a weekly payment, Autobooks will work with the SMB to refigure terms</a:t>
            </a:r>
            <a:endParaRPr lang="en-US" dirty="0">
              <a:solidFill>
                <a:schemeClr val="bg1"/>
              </a:solidFill>
              <a:latin typeface="+mn-lt"/>
            </a:endParaRPr>
          </a:p>
        </p:txBody>
      </p:sp>
    </p:spTree>
    <p:custDataLst>
      <p:tags r:id="rId1"/>
    </p:custDataLst>
    <p:extLst>
      <p:ext uri="{BB962C8B-B14F-4D97-AF65-F5344CB8AC3E}">
        <p14:creationId xmlns:p14="http://schemas.microsoft.com/office/powerpoint/2010/main" val="69602794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15A42B9-49C7-E184-3AA8-9D152908C375}"/>
            </a:ext>
          </a:extLst>
        </p:cNvPr>
        <p:cNvGrpSpPr/>
        <p:nvPr/>
      </p:nvGrpSpPr>
      <p:grpSpPr>
        <a:xfrm>
          <a:off x="0" y="0"/>
          <a:ext cx="0" cy="0"/>
          <a:chOff x="0" y="0"/>
          <a:chExt cx="0" cy="0"/>
        </a:xfrm>
      </p:grpSpPr>
      <p:pic>
        <p:nvPicPr>
          <p:cNvPr id="300" name="Graphic 299">
            <a:extLst>
              <a:ext uri="{FF2B5EF4-FFF2-40B4-BE49-F238E27FC236}">
                <a16:creationId xmlns:a16="http://schemas.microsoft.com/office/drawing/2014/main" id="{8D000A80-97CF-D190-7B0F-C9BFA8F03A6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6200000">
            <a:off x="-1033592" y="4001126"/>
            <a:ext cx="4130984" cy="2065492"/>
          </a:xfrm>
          <a:prstGeom prst="rect">
            <a:avLst/>
          </a:prstGeom>
        </p:spPr>
      </p:pic>
      <p:sp>
        <p:nvSpPr>
          <p:cNvPr id="41" name="Title 40">
            <a:extLst>
              <a:ext uri="{FF2B5EF4-FFF2-40B4-BE49-F238E27FC236}">
                <a16:creationId xmlns:a16="http://schemas.microsoft.com/office/drawing/2014/main" id="{AD3365C8-EF27-F632-CE2C-071FF17C24CE}"/>
              </a:ext>
            </a:extLst>
          </p:cNvPr>
          <p:cNvSpPr>
            <a:spLocks noGrp="1"/>
          </p:cNvSpPr>
          <p:nvPr>
            <p:ph type="title"/>
          </p:nvPr>
        </p:nvSpPr>
        <p:spPr/>
        <p:txBody>
          <a:bodyPr/>
          <a:lstStyle/>
          <a:p>
            <a:pPr algn="l"/>
            <a:r>
              <a:rPr lang="en-US" dirty="0"/>
              <a:t>Early repayment of draws</a:t>
            </a:r>
          </a:p>
        </p:txBody>
      </p:sp>
      <p:sp>
        <p:nvSpPr>
          <p:cNvPr id="4" name="Rounded Rectangle 3">
            <a:extLst>
              <a:ext uri="{FF2B5EF4-FFF2-40B4-BE49-F238E27FC236}">
                <a16:creationId xmlns:a16="http://schemas.microsoft.com/office/drawing/2014/main" id="{1C133407-531A-393B-ACCF-0DA047807764}"/>
              </a:ext>
            </a:extLst>
          </p:cNvPr>
          <p:cNvSpPr/>
          <p:nvPr/>
        </p:nvSpPr>
        <p:spPr>
          <a:xfrm>
            <a:off x="1302027" y="3233532"/>
            <a:ext cx="3776870" cy="2653747"/>
          </a:xfrm>
          <a:prstGeom prst="roundRect">
            <a:avLst/>
          </a:prstGeom>
          <a:ln/>
        </p:spPr>
        <p:style>
          <a:lnRef idx="0">
            <a:schemeClr val="dk1"/>
          </a:lnRef>
          <a:fillRef idx="3">
            <a:schemeClr val="dk1"/>
          </a:fillRef>
          <a:effectRef idx="3">
            <a:schemeClr val="dk1"/>
          </a:effectRef>
          <a:fontRef idx="minor">
            <a:schemeClr val="lt1"/>
          </a:fontRef>
        </p:style>
        <p:txBody>
          <a:bodyPr rtlCol="0" anchor="ctr"/>
          <a:lstStyle/>
          <a:p>
            <a:pPr algn="ctr"/>
            <a:r>
              <a:rPr lang="en-US" dirty="0"/>
              <a:t>Via ACH:</a:t>
            </a:r>
          </a:p>
          <a:p>
            <a:pPr algn="ctr"/>
            <a:endParaRPr lang="en-US" dirty="0"/>
          </a:p>
          <a:p>
            <a:pPr marL="285750" indent="-285750" algn="ctr">
              <a:buFont typeface="Arial" panose="020B0604020202020204" pitchFamily="34" charset="0"/>
              <a:buChar char="•"/>
            </a:pPr>
            <a:r>
              <a:rPr lang="en-US" dirty="0"/>
              <a:t>Next weekly debit will be for full draw repayment amount</a:t>
            </a:r>
          </a:p>
          <a:p>
            <a:pPr marL="285750" indent="-285750" algn="ctr">
              <a:buFont typeface="Arial" panose="020B0604020202020204" pitchFamily="34" charset="0"/>
              <a:buChar char="•"/>
            </a:pPr>
            <a:endParaRPr lang="en-US" dirty="0"/>
          </a:p>
          <a:p>
            <a:pPr marL="285750" indent="-285750" algn="ctr">
              <a:buFont typeface="Arial" panose="020B0604020202020204" pitchFamily="34" charset="0"/>
              <a:buChar char="•"/>
            </a:pPr>
            <a:r>
              <a:rPr lang="en-US" dirty="0"/>
              <a:t>Advance line capacity will update within 2 business days of repayment</a:t>
            </a:r>
          </a:p>
        </p:txBody>
      </p:sp>
      <p:sp>
        <p:nvSpPr>
          <p:cNvPr id="5" name="Rounded Rectangle 4">
            <a:extLst>
              <a:ext uri="{FF2B5EF4-FFF2-40B4-BE49-F238E27FC236}">
                <a16:creationId xmlns:a16="http://schemas.microsoft.com/office/drawing/2014/main" id="{D3ED2434-0457-7004-5C56-B58906F277BA}"/>
              </a:ext>
            </a:extLst>
          </p:cNvPr>
          <p:cNvSpPr/>
          <p:nvPr/>
        </p:nvSpPr>
        <p:spPr>
          <a:xfrm>
            <a:off x="7113105" y="3296481"/>
            <a:ext cx="3776870" cy="2653747"/>
          </a:xfrm>
          <a:prstGeom prst="roundRect">
            <a:avLst/>
          </a:prstGeom>
          <a:ln/>
        </p:spPr>
        <p:style>
          <a:lnRef idx="0">
            <a:schemeClr val="accent6"/>
          </a:lnRef>
          <a:fillRef idx="3">
            <a:schemeClr val="accent6"/>
          </a:fillRef>
          <a:effectRef idx="3">
            <a:schemeClr val="accent6"/>
          </a:effectRef>
          <a:fontRef idx="minor">
            <a:schemeClr val="lt1"/>
          </a:fontRef>
        </p:style>
        <p:txBody>
          <a:bodyPr rtlCol="0" anchor="ctr"/>
          <a:lstStyle/>
          <a:p>
            <a:pPr algn="ctr"/>
            <a:r>
              <a:rPr lang="en-US" dirty="0"/>
              <a:t>Via credit or debit card:</a:t>
            </a:r>
          </a:p>
          <a:p>
            <a:pPr algn="ctr"/>
            <a:endParaRPr lang="en-US" dirty="0"/>
          </a:p>
          <a:p>
            <a:pPr marL="285750" indent="-285750" algn="ctr">
              <a:buFont typeface="Arial" panose="020B0604020202020204" pitchFamily="34" charset="0"/>
              <a:buChar char="•"/>
            </a:pPr>
            <a:r>
              <a:rPr lang="en-US" dirty="0"/>
              <a:t>Repayment will process immediately</a:t>
            </a:r>
          </a:p>
          <a:p>
            <a:pPr marL="285750" indent="-285750" algn="ctr">
              <a:buFont typeface="Arial" panose="020B0604020202020204" pitchFamily="34" charset="0"/>
              <a:buChar char="•"/>
            </a:pPr>
            <a:endParaRPr lang="en-US" dirty="0"/>
          </a:p>
          <a:p>
            <a:pPr marL="285750" indent="-285750" algn="ctr">
              <a:buFont typeface="Arial" panose="020B0604020202020204" pitchFamily="34" charset="0"/>
              <a:buChar char="•"/>
            </a:pPr>
            <a:r>
              <a:rPr lang="en-US" dirty="0"/>
              <a:t>Advance line capacity will update within 2 business days of repayment</a:t>
            </a:r>
          </a:p>
        </p:txBody>
      </p:sp>
      <p:sp>
        <p:nvSpPr>
          <p:cNvPr id="6" name="Rounded Rectangle 5">
            <a:extLst>
              <a:ext uri="{FF2B5EF4-FFF2-40B4-BE49-F238E27FC236}">
                <a16:creationId xmlns:a16="http://schemas.microsoft.com/office/drawing/2014/main" id="{4CBDCBB7-D971-54D7-4111-A7862EC901EC}"/>
              </a:ext>
            </a:extLst>
          </p:cNvPr>
          <p:cNvSpPr/>
          <p:nvPr/>
        </p:nvSpPr>
        <p:spPr>
          <a:xfrm>
            <a:off x="1302027" y="1310799"/>
            <a:ext cx="9587948" cy="1011937"/>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a:t>SMBs can repay any advance early! </a:t>
            </a:r>
          </a:p>
          <a:p>
            <a:pPr algn="ctr"/>
            <a:r>
              <a:rPr lang="en-US" dirty="0"/>
              <a:t>When a SMB repays advances early, they receive a discount on the Funding fee.</a:t>
            </a:r>
          </a:p>
        </p:txBody>
      </p:sp>
    </p:spTree>
    <p:custDataLst>
      <p:tags r:id="rId1"/>
    </p:custDataLst>
    <p:extLst>
      <p:ext uri="{BB962C8B-B14F-4D97-AF65-F5344CB8AC3E}">
        <p14:creationId xmlns:p14="http://schemas.microsoft.com/office/powerpoint/2010/main" val="3776642477"/>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816462B-1375-0880-0AB2-DECF6507E0EB}"/>
            </a:ext>
          </a:extLst>
        </p:cNvPr>
        <p:cNvGrpSpPr/>
        <p:nvPr/>
      </p:nvGrpSpPr>
      <p:grpSpPr>
        <a:xfrm>
          <a:off x="0" y="0"/>
          <a:ext cx="0" cy="0"/>
          <a:chOff x="0" y="0"/>
          <a:chExt cx="0" cy="0"/>
        </a:xfrm>
      </p:grpSpPr>
      <p:pic>
        <p:nvPicPr>
          <p:cNvPr id="300" name="Graphic 299">
            <a:extLst>
              <a:ext uri="{FF2B5EF4-FFF2-40B4-BE49-F238E27FC236}">
                <a16:creationId xmlns:a16="http://schemas.microsoft.com/office/drawing/2014/main" id="{7CA389D6-6C76-CD0E-D7B2-A658A9BC7EE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6200000">
            <a:off x="-1033592" y="4001126"/>
            <a:ext cx="4130984" cy="2065492"/>
          </a:xfrm>
          <a:prstGeom prst="rect">
            <a:avLst/>
          </a:prstGeom>
        </p:spPr>
      </p:pic>
      <p:pic>
        <p:nvPicPr>
          <p:cNvPr id="38" name="Graphic 37">
            <a:extLst>
              <a:ext uri="{FF2B5EF4-FFF2-40B4-BE49-F238E27FC236}">
                <a16:creationId xmlns:a16="http://schemas.microsoft.com/office/drawing/2014/main" id="{728A6427-717E-0B53-2F92-C81844D9C8AB}"/>
              </a:ext>
            </a:extLst>
          </p:cNvPr>
          <p:cNvPicPr>
            <a:picLocks noChangeAspect="1"/>
          </p:cNvPicPr>
          <p:nvPr/>
        </p:nvPicPr>
        <p:blipFill>
          <a:blip r:embed="rId6">
            <a:extLst>
              <a:ext uri="{28A0092B-C50C-407E-A947-70E740481C1C}">
                <a14:useLocalDpi xmlns:a14="http://schemas.microsoft.com/office/drawing/2010/main"/>
              </a:ext>
              <a:ext uri="{96DAC541-7B7A-43D3-8B79-37D633B846F1}">
                <asvg:svgBlip xmlns:asvg="http://schemas.microsoft.com/office/drawing/2016/SVG/main" r:embed="rId7"/>
              </a:ext>
            </a:extLst>
          </a:blip>
          <a:srcRect t="44662"/>
          <a:stretch>
            <a:fillRect/>
          </a:stretch>
        </p:blipFill>
        <p:spPr>
          <a:xfrm rot="12600000" flipH="1" flipV="1">
            <a:off x="8330746" y="-690460"/>
            <a:ext cx="6243405" cy="5679783"/>
          </a:xfrm>
          <a:custGeom>
            <a:avLst/>
            <a:gdLst>
              <a:gd name="connsiteX0" fmla="*/ 4486258 w 4486258"/>
              <a:gd name="connsiteY0" fmla="*/ 4081262 h 4081262"/>
              <a:gd name="connsiteX1" fmla="*/ 0 w 4486258"/>
              <a:gd name="connsiteY1" fmla="*/ 4081262 h 4081262"/>
              <a:gd name="connsiteX2" fmla="*/ 0 w 4486258"/>
              <a:gd name="connsiteY2" fmla="*/ 1412885 h 4081262"/>
              <a:gd name="connsiteX3" fmla="*/ 2447189 w 4486258"/>
              <a:gd name="connsiteY3" fmla="*/ 0 h 4081262"/>
              <a:gd name="connsiteX4" fmla="*/ 4486258 w 4486258"/>
              <a:gd name="connsiteY4" fmla="*/ 3531771 h 40812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6258" h="4081262">
                <a:moveTo>
                  <a:pt x="4486258" y="4081262"/>
                </a:moveTo>
                <a:lnTo>
                  <a:pt x="0" y="4081262"/>
                </a:lnTo>
                <a:lnTo>
                  <a:pt x="0" y="1412885"/>
                </a:lnTo>
                <a:lnTo>
                  <a:pt x="2447189" y="0"/>
                </a:lnTo>
                <a:lnTo>
                  <a:pt x="4486258" y="3531771"/>
                </a:lnTo>
                <a:close/>
              </a:path>
            </a:pathLst>
          </a:custGeom>
        </p:spPr>
      </p:pic>
      <p:sp>
        <p:nvSpPr>
          <p:cNvPr id="41" name="Title 40">
            <a:extLst>
              <a:ext uri="{FF2B5EF4-FFF2-40B4-BE49-F238E27FC236}">
                <a16:creationId xmlns:a16="http://schemas.microsoft.com/office/drawing/2014/main" id="{9C82362D-F1FC-0829-97CB-272611E67603}"/>
              </a:ext>
            </a:extLst>
          </p:cNvPr>
          <p:cNvSpPr>
            <a:spLocks noGrp="1"/>
          </p:cNvSpPr>
          <p:nvPr>
            <p:ph type="title"/>
          </p:nvPr>
        </p:nvSpPr>
        <p:spPr/>
        <p:txBody>
          <a:bodyPr/>
          <a:lstStyle/>
          <a:p>
            <a:pPr algn="l"/>
            <a:r>
              <a:rPr lang="en-US" dirty="0"/>
              <a:t>Subsequent draws</a:t>
            </a:r>
          </a:p>
        </p:txBody>
      </p:sp>
      <p:pic>
        <p:nvPicPr>
          <p:cNvPr id="6146" name="Picture 2">
            <a:extLst>
              <a:ext uri="{FF2B5EF4-FFF2-40B4-BE49-F238E27FC236}">
                <a16:creationId xmlns:a16="http://schemas.microsoft.com/office/drawing/2014/main" id="{99EF37F6-0426-8C65-743D-EB0C57D778B0}"/>
              </a:ext>
            </a:extLst>
          </p:cNvPr>
          <p:cNvPicPr>
            <a:picLocks noChangeAspect="1" noChangeArrowheads="1"/>
          </p:cNvPicPr>
          <p:nvPr/>
        </p:nvPicPr>
        <p:blipFill>
          <a:blip r:embed="rId8"/>
          <a:srcRect/>
          <a:stretch/>
        </p:blipFill>
        <p:spPr bwMode="auto">
          <a:xfrm>
            <a:off x="5312719" y="1277815"/>
            <a:ext cx="6139225" cy="4302368"/>
          </a:xfrm>
          <a:prstGeom prst="rect">
            <a:avLst/>
          </a:prstGeom>
          <a:noFill/>
          <a:extLst>
            <a:ext uri="{909E8E84-426E-40DD-AFC4-6F175D3DCCD1}">
              <a14:hiddenFill xmlns:a14="http://schemas.microsoft.com/office/drawing/2010/main">
                <a:solidFill>
                  <a:srgbClr val="FFFFFF"/>
                </a:solidFill>
              </a14:hiddenFill>
            </a:ext>
          </a:extLst>
        </p:spPr>
      </p:pic>
      <p:sp>
        <p:nvSpPr>
          <p:cNvPr id="2" name="TextBox 1">
            <a:extLst>
              <a:ext uri="{FF2B5EF4-FFF2-40B4-BE49-F238E27FC236}">
                <a16:creationId xmlns:a16="http://schemas.microsoft.com/office/drawing/2014/main" id="{87DE34D5-1306-D0EE-6BD4-95254D058A31}"/>
              </a:ext>
            </a:extLst>
          </p:cNvPr>
          <p:cNvSpPr txBox="1"/>
          <p:nvPr/>
        </p:nvSpPr>
        <p:spPr>
          <a:xfrm>
            <a:off x="785191" y="1838739"/>
            <a:ext cx="3796748" cy="4247317"/>
          </a:xfrm>
          <a:prstGeom prst="rect">
            <a:avLst/>
          </a:prstGeom>
          <a:noFill/>
        </p:spPr>
        <p:txBody>
          <a:bodyPr wrap="square" rtlCol="0">
            <a:spAutoFit/>
          </a:bodyPr>
          <a:lstStyle/>
          <a:p>
            <a:pPr algn="l"/>
            <a:r>
              <a:rPr lang="en-US" b="1" dirty="0">
                <a:solidFill>
                  <a:schemeClr val="bg1"/>
                </a:solidFill>
              </a:rPr>
              <a:t>The SMB may have several active draws at the same time!</a:t>
            </a:r>
          </a:p>
          <a:p>
            <a:pPr algn="l"/>
            <a:endParaRPr lang="en-US" b="1" dirty="0">
              <a:solidFill>
                <a:schemeClr val="bg1"/>
              </a:solidFill>
              <a:latin typeface="+mn-lt"/>
            </a:endParaRPr>
          </a:p>
          <a:p>
            <a:pPr marL="342900" indent="-342900" algn="l">
              <a:buFont typeface="+mj-lt"/>
              <a:buAutoNum type="arabicPeriod"/>
            </a:pPr>
            <a:r>
              <a:rPr lang="en-US" dirty="0">
                <a:solidFill>
                  <a:schemeClr val="bg1"/>
                </a:solidFill>
              </a:rPr>
              <a:t>The advance line graph will indicate if there are available funds to draw</a:t>
            </a:r>
          </a:p>
          <a:p>
            <a:pPr marL="342900" indent="-342900" algn="l">
              <a:buFont typeface="+mj-lt"/>
              <a:buAutoNum type="arabicPeriod"/>
            </a:pPr>
            <a:endParaRPr lang="en-US" dirty="0">
              <a:solidFill>
                <a:schemeClr val="bg1"/>
              </a:solidFill>
              <a:latin typeface="+mn-lt"/>
            </a:endParaRPr>
          </a:p>
          <a:p>
            <a:pPr marL="342900" indent="-342900" algn="l">
              <a:buFont typeface="+mj-lt"/>
              <a:buAutoNum type="arabicPeriod"/>
            </a:pPr>
            <a:r>
              <a:rPr lang="en-US" dirty="0">
                <a:solidFill>
                  <a:schemeClr val="bg1"/>
                </a:solidFill>
              </a:rPr>
              <a:t>The SMB enters in the dollar amount they wish to draw (as little as $100), then clicks Review and Confirm.</a:t>
            </a:r>
          </a:p>
          <a:p>
            <a:pPr marL="342900" indent="-342900" algn="l">
              <a:buFont typeface="+mj-lt"/>
              <a:buAutoNum type="arabicPeriod"/>
            </a:pPr>
            <a:endParaRPr lang="en-US" dirty="0">
              <a:solidFill>
                <a:schemeClr val="bg1"/>
              </a:solidFill>
              <a:latin typeface="+mn-lt"/>
            </a:endParaRPr>
          </a:p>
          <a:p>
            <a:pPr marL="342900" indent="-342900" algn="l">
              <a:buFont typeface="+mj-lt"/>
              <a:buAutoNum type="arabicPeriod"/>
            </a:pPr>
            <a:r>
              <a:rPr lang="en-US" dirty="0">
                <a:solidFill>
                  <a:schemeClr val="bg1"/>
                </a:solidFill>
              </a:rPr>
              <a:t>The SMB will see the repayment terms and accept them to finalize their draw.</a:t>
            </a:r>
            <a:endParaRPr lang="en-US" dirty="0">
              <a:solidFill>
                <a:schemeClr val="bg1"/>
              </a:solidFill>
              <a:latin typeface="+mn-lt"/>
            </a:endParaRPr>
          </a:p>
        </p:txBody>
      </p:sp>
    </p:spTree>
    <p:custDataLst>
      <p:tags r:id="rId1"/>
    </p:custDataLst>
    <p:extLst>
      <p:ext uri="{BB962C8B-B14F-4D97-AF65-F5344CB8AC3E}">
        <p14:creationId xmlns:p14="http://schemas.microsoft.com/office/powerpoint/2010/main" val="1538743468"/>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11B2CA4-DE5F-7D2B-C10E-7F5790CC7366}"/>
            </a:ext>
          </a:extLst>
        </p:cNvPr>
        <p:cNvGrpSpPr/>
        <p:nvPr/>
      </p:nvGrpSpPr>
      <p:grpSpPr>
        <a:xfrm>
          <a:off x="0" y="0"/>
          <a:ext cx="0" cy="0"/>
          <a:chOff x="0" y="0"/>
          <a:chExt cx="0" cy="0"/>
        </a:xfrm>
      </p:grpSpPr>
      <p:sp>
        <p:nvSpPr>
          <p:cNvPr id="8" name="Freeform 7">
            <a:extLst>
              <a:ext uri="{FF2B5EF4-FFF2-40B4-BE49-F238E27FC236}">
                <a16:creationId xmlns:a16="http://schemas.microsoft.com/office/drawing/2014/main" id="{A1914514-3B84-AE02-D946-476826F8523B}"/>
              </a:ext>
            </a:extLst>
          </p:cNvPr>
          <p:cNvSpPr/>
          <p:nvPr/>
        </p:nvSpPr>
        <p:spPr>
          <a:xfrm>
            <a:off x="4722519" y="2246491"/>
            <a:ext cx="2584638" cy="2555956"/>
          </a:xfrm>
          <a:custGeom>
            <a:avLst/>
            <a:gdLst>
              <a:gd name="connsiteX0" fmla="*/ 0 w 3428999"/>
              <a:gd name="connsiteY0" fmla="*/ 0 h 2057399"/>
              <a:gd name="connsiteX1" fmla="*/ 3428999 w 3428999"/>
              <a:gd name="connsiteY1" fmla="*/ 0 h 2057399"/>
              <a:gd name="connsiteX2" fmla="*/ 3428999 w 3428999"/>
              <a:gd name="connsiteY2" fmla="*/ 2057399 h 2057399"/>
              <a:gd name="connsiteX3" fmla="*/ 0 w 3428999"/>
              <a:gd name="connsiteY3" fmla="*/ 2057399 h 2057399"/>
              <a:gd name="connsiteX4" fmla="*/ 0 w 3428999"/>
              <a:gd name="connsiteY4" fmla="*/ 0 h 205739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428999" h="2057399">
                <a:moveTo>
                  <a:pt x="0" y="0"/>
                </a:moveTo>
                <a:lnTo>
                  <a:pt x="3428999" y="0"/>
                </a:lnTo>
                <a:lnTo>
                  <a:pt x="3428999" y="2057399"/>
                </a:lnTo>
                <a:lnTo>
                  <a:pt x="0" y="2057399"/>
                </a:lnTo>
                <a:lnTo>
                  <a:pt x="0" y="0"/>
                </a:lnTo>
                <a:close/>
              </a:path>
            </a:pathLst>
          </a:custGeom>
          <a:solidFill>
            <a:srgbClr val="003A5D"/>
          </a:solidFill>
          <a:effectLst>
            <a:outerShdw blurRad="508000" dist="254000" dir="2700000" algn="tl" rotWithShape="0">
              <a:prstClr val="black">
                <a:alpha val="20000"/>
              </a:prstClr>
            </a:outerShdw>
          </a:effectLst>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74320" tIns="106680" rIns="274320" bIns="106680" numCol="1" spcCol="1270" anchor="ctr" anchorCtr="0">
            <a:noAutofit/>
          </a:bodyPr>
          <a:lstStyle/>
          <a:p>
            <a:pPr marL="0" lvl="0" indent="0" algn="ctr" defTabSz="1244600">
              <a:lnSpc>
                <a:spcPct val="90000"/>
              </a:lnSpc>
              <a:spcBef>
                <a:spcPct val="0"/>
              </a:spcBef>
              <a:spcAft>
                <a:spcPct val="35000"/>
              </a:spcAft>
              <a:buNone/>
            </a:pPr>
            <a:r>
              <a:rPr lang="en-US" sz="2000" b="0" i="0" kern="1200" dirty="0">
                <a:solidFill>
                  <a:schemeClr val="bg1"/>
                </a:solidFill>
              </a:rPr>
              <a:t>No pre-payment penalties. </a:t>
            </a:r>
            <a:r>
              <a:rPr lang="en-US" sz="2000" kern="1200" dirty="0">
                <a:solidFill>
                  <a:schemeClr val="bg1"/>
                </a:solidFill>
              </a:rPr>
              <a:t>Discounts for early payoff of advances</a:t>
            </a:r>
            <a:r>
              <a:rPr lang="en-US" sz="2400" kern="1200" dirty="0">
                <a:solidFill>
                  <a:schemeClr val="bg1"/>
                </a:solidFill>
              </a:rPr>
              <a:t>.</a:t>
            </a:r>
          </a:p>
        </p:txBody>
      </p:sp>
      <p:sp>
        <p:nvSpPr>
          <p:cNvPr id="9" name="Freeform 8">
            <a:extLst>
              <a:ext uri="{FF2B5EF4-FFF2-40B4-BE49-F238E27FC236}">
                <a16:creationId xmlns:a16="http://schemas.microsoft.com/office/drawing/2014/main" id="{17A7FA11-E2ED-2C1A-F60C-11E76D93A15A}"/>
              </a:ext>
            </a:extLst>
          </p:cNvPr>
          <p:cNvSpPr/>
          <p:nvPr/>
        </p:nvSpPr>
        <p:spPr>
          <a:xfrm>
            <a:off x="7484533" y="2246491"/>
            <a:ext cx="2584638" cy="2555956"/>
          </a:xfrm>
          <a:custGeom>
            <a:avLst/>
            <a:gdLst>
              <a:gd name="connsiteX0" fmla="*/ 0 w 3428999"/>
              <a:gd name="connsiteY0" fmla="*/ 0 h 2057399"/>
              <a:gd name="connsiteX1" fmla="*/ 3428999 w 3428999"/>
              <a:gd name="connsiteY1" fmla="*/ 0 h 2057399"/>
              <a:gd name="connsiteX2" fmla="*/ 3428999 w 3428999"/>
              <a:gd name="connsiteY2" fmla="*/ 2057399 h 2057399"/>
              <a:gd name="connsiteX3" fmla="*/ 0 w 3428999"/>
              <a:gd name="connsiteY3" fmla="*/ 2057399 h 2057399"/>
              <a:gd name="connsiteX4" fmla="*/ 0 w 3428999"/>
              <a:gd name="connsiteY4" fmla="*/ 0 h 205739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428999" h="2057399">
                <a:moveTo>
                  <a:pt x="0" y="0"/>
                </a:moveTo>
                <a:lnTo>
                  <a:pt x="3428999" y="0"/>
                </a:lnTo>
                <a:lnTo>
                  <a:pt x="3428999" y="2057399"/>
                </a:lnTo>
                <a:lnTo>
                  <a:pt x="0" y="2057399"/>
                </a:lnTo>
                <a:lnTo>
                  <a:pt x="0" y="0"/>
                </a:lnTo>
                <a:close/>
              </a:path>
            </a:pathLst>
          </a:custGeom>
          <a:solidFill>
            <a:srgbClr val="003A5D"/>
          </a:solidFill>
          <a:effectLst>
            <a:outerShdw blurRad="508000" dist="254000" dir="2700000" algn="tl" rotWithShape="0">
              <a:prstClr val="black">
                <a:alpha val="20000"/>
              </a:prstClr>
            </a:outerShdw>
          </a:effectLst>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74320" tIns="106680" rIns="274320" bIns="106680" numCol="1" spcCol="1270" anchor="ctr" anchorCtr="0">
            <a:noAutofit/>
          </a:bodyPr>
          <a:lstStyle/>
          <a:p>
            <a:pPr marL="0" lvl="0" indent="0" algn="ctr" defTabSz="1244600">
              <a:lnSpc>
                <a:spcPct val="90000"/>
              </a:lnSpc>
              <a:spcBef>
                <a:spcPct val="0"/>
              </a:spcBef>
              <a:spcAft>
                <a:spcPct val="35000"/>
              </a:spcAft>
              <a:buNone/>
            </a:pPr>
            <a:r>
              <a:rPr lang="en-US" sz="2000" kern="1200">
                <a:solidFill>
                  <a:schemeClr val="bg1"/>
                </a:solidFill>
              </a:rPr>
              <a:t>Access approved advance capital as a single advance, or as smaller advances of $1,000 and above.</a:t>
            </a:r>
          </a:p>
        </p:txBody>
      </p:sp>
      <p:sp>
        <p:nvSpPr>
          <p:cNvPr id="3" name="Slide Number Placeholder 2">
            <a:extLst>
              <a:ext uri="{FF2B5EF4-FFF2-40B4-BE49-F238E27FC236}">
                <a16:creationId xmlns:a16="http://schemas.microsoft.com/office/drawing/2014/main" id="{E1E122C8-E673-2178-8C03-3281625EC570}"/>
              </a:ext>
            </a:extLst>
          </p:cNvPr>
          <p:cNvSpPr>
            <a:spLocks noGrp="1"/>
          </p:cNvSpPr>
          <p:nvPr>
            <p:ph type="sldNum" sz="quarter" idx="11"/>
          </p:nvPr>
        </p:nvSpPr>
        <p:spPr/>
        <p:txBody>
          <a:bodyPr/>
          <a:lstStyle/>
          <a:p>
            <a:fld id="{F7CADEA9-0AFC-B549-B690-A46B9B6402E4}" type="slidenum">
              <a:rPr lang="en-US" smtClean="0"/>
              <a:pPr/>
              <a:t>18</a:t>
            </a:fld>
            <a:endParaRPr lang="en-US"/>
          </a:p>
        </p:txBody>
      </p:sp>
      <p:sp>
        <p:nvSpPr>
          <p:cNvPr id="12" name="TextBox 11">
            <a:extLst>
              <a:ext uri="{FF2B5EF4-FFF2-40B4-BE49-F238E27FC236}">
                <a16:creationId xmlns:a16="http://schemas.microsoft.com/office/drawing/2014/main" id="{80718909-7E8F-141F-98A3-5802E646DC77}"/>
              </a:ext>
            </a:extLst>
          </p:cNvPr>
          <p:cNvSpPr txBox="1"/>
          <p:nvPr/>
        </p:nvSpPr>
        <p:spPr>
          <a:xfrm>
            <a:off x="1428285" y="496224"/>
            <a:ext cx="9335430" cy="584775"/>
          </a:xfrm>
          <a:prstGeom prst="rect">
            <a:avLst/>
          </a:prstGeom>
          <a:noFill/>
        </p:spPr>
        <p:txBody>
          <a:bodyPr wrap="square">
            <a:spAutoFit/>
          </a:bodyPr>
          <a:lstStyle/>
          <a:p>
            <a:r>
              <a:rPr kumimoji="0" lang="en-US" sz="3200" b="1" i="0" u="none" strike="noStrike" kern="1200" cap="none" spc="0" normalizeH="0" baseline="0" noProof="0" dirty="0">
                <a:ln>
                  <a:noFill/>
                </a:ln>
                <a:solidFill>
                  <a:schemeClr val="bg1"/>
                </a:solidFill>
                <a:effectLst/>
                <a:uLnTx/>
                <a:uFillTx/>
                <a:latin typeface="Montserrat Bold"/>
                <a:ea typeface="+mj-ea"/>
                <a:cs typeface="+mj-cs"/>
              </a:rPr>
              <a:t>What Makes Autobooks Capital Different</a:t>
            </a:r>
            <a:endParaRPr lang="en-US" dirty="0">
              <a:solidFill>
                <a:schemeClr val="bg1"/>
              </a:solidFill>
            </a:endParaRPr>
          </a:p>
        </p:txBody>
      </p:sp>
      <p:sp>
        <p:nvSpPr>
          <p:cNvPr id="6" name="Freeform 7">
            <a:extLst>
              <a:ext uri="{FF2B5EF4-FFF2-40B4-BE49-F238E27FC236}">
                <a16:creationId xmlns:a16="http://schemas.microsoft.com/office/drawing/2014/main" id="{52AB207C-FD9C-BAD4-2CF1-602000D36CAB}"/>
              </a:ext>
            </a:extLst>
          </p:cNvPr>
          <p:cNvSpPr/>
          <p:nvPr/>
        </p:nvSpPr>
        <p:spPr>
          <a:xfrm>
            <a:off x="1998133" y="2246491"/>
            <a:ext cx="2584638" cy="2555956"/>
          </a:xfrm>
          <a:custGeom>
            <a:avLst/>
            <a:gdLst>
              <a:gd name="connsiteX0" fmla="*/ 0 w 3428999"/>
              <a:gd name="connsiteY0" fmla="*/ 0 h 2057399"/>
              <a:gd name="connsiteX1" fmla="*/ 3428999 w 3428999"/>
              <a:gd name="connsiteY1" fmla="*/ 0 h 2057399"/>
              <a:gd name="connsiteX2" fmla="*/ 3428999 w 3428999"/>
              <a:gd name="connsiteY2" fmla="*/ 2057399 h 2057399"/>
              <a:gd name="connsiteX3" fmla="*/ 0 w 3428999"/>
              <a:gd name="connsiteY3" fmla="*/ 2057399 h 2057399"/>
              <a:gd name="connsiteX4" fmla="*/ 0 w 3428999"/>
              <a:gd name="connsiteY4" fmla="*/ 0 h 205739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428999" h="2057399">
                <a:moveTo>
                  <a:pt x="0" y="0"/>
                </a:moveTo>
                <a:lnTo>
                  <a:pt x="3428999" y="0"/>
                </a:lnTo>
                <a:lnTo>
                  <a:pt x="3428999" y="2057399"/>
                </a:lnTo>
                <a:lnTo>
                  <a:pt x="0" y="2057399"/>
                </a:lnTo>
                <a:lnTo>
                  <a:pt x="0" y="0"/>
                </a:lnTo>
                <a:close/>
              </a:path>
            </a:pathLst>
          </a:custGeom>
          <a:solidFill>
            <a:srgbClr val="003A5D"/>
          </a:solidFill>
          <a:effectLst>
            <a:outerShdw blurRad="508000" dist="254000" dir="2700000" algn="tl" rotWithShape="0">
              <a:prstClr val="black">
                <a:alpha val="20000"/>
              </a:prstClr>
            </a:outerShdw>
          </a:effectLst>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74320" tIns="106680" rIns="274320" bIns="106680" numCol="1" spcCol="1270" anchor="ctr" anchorCtr="0">
            <a:noAutofit/>
          </a:bodyPr>
          <a:lstStyle/>
          <a:p>
            <a:pPr marL="0" lvl="0" indent="0" algn="ctr" defTabSz="1244600">
              <a:lnSpc>
                <a:spcPct val="90000"/>
              </a:lnSpc>
              <a:spcBef>
                <a:spcPct val="0"/>
              </a:spcBef>
              <a:spcAft>
                <a:spcPct val="35000"/>
              </a:spcAft>
              <a:buNone/>
            </a:pPr>
            <a:r>
              <a:rPr lang="en-US" sz="2000" b="0" i="0" kern="1200">
                <a:solidFill>
                  <a:schemeClr val="bg1"/>
                </a:solidFill>
              </a:rPr>
              <a:t>Underwriting performed on DDA activity, not just activity within Autobooks.</a:t>
            </a:r>
            <a:endParaRPr lang="en-US" sz="2000" kern="1200">
              <a:solidFill>
                <a:schemeClr val="bg1"/>
              </a:solidFill>
            </a:endParaRPr>
          </a:p>
        </p:txBody>
      </p:sp>
    </p:spTree>
    <p:extLst>
      <p:ext uri="{BB962C8B-B14F-4D97-AF65-F5344CB8AC3E}">
        <p14:creationId xmlns:p14="http://schemas.microsoft.com/office/powerpoint/2010/main" val="3950241345"/>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9" name="Graphic 18">
            <a:extLst>
              <a:ext uri="{FF2B5EF4-FFF2-40B4-BE49-F238E27FC236}">
                <a16:creationId xmlns:a16="http://schemas.microsoft.com/office/drawing/2014/main" id="{7D682FF6-870C-00F2-96DC-D7757898451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21043570">
            <a:off x="7636499" y="-1058594"/>
            <a:ext cx="5617661" cy="5742498"/>
          </a:xfrm>
          <a:prstGeom prst="rect">
            <a:avLst/>
          </a:prstGeom>
        </p:spPr>
      </p:pic>
      <p:pic>
        <p:nvPicPr>
          <p:cNvPr id="10" name="Picture 9">
            <a:extLst>
              <a:ext uri="{FF2B5EF4-FFF2-40B4-BE49-F238E27FC236}">
                <a16:creationId xmlns:a16="http://schemas.microsoft.com/office/drawing/2014/main" id="{1BB14052-5286-E944-5132-C567B871605F}"/>
              </a:ext>
            </a:extLst>
          </p:cNvPr>
          <p:cNvPicPr>
            <a:picLocks noChangeAspect="1"/>
          </p:cNvPicPr>
          <p:nvPr/>
        </p:nvPicPr>
        <p:blipFill>
          <a:blip r:embed="rId6"/>
          <a:stretch>
            <a:fillRect/>
          </a:stretch>
        </p:blipFill>
        <p:spPr>
          <a:xfrm rot="466803">
            <a:off x="-2103723" y="2983091"/>
            <a:ext cx="4823028" cy="4560550"/>
          </a:xfrm>
          <a:prstGeom prst="rect">
            <a:avLst/>
          </a:prstGeom>
        </p:spPr>
      </p:pic>
      <p:pic>
        <p:nvPicPr>
          <p:cNvPr id="9" name="Picture 8">
            <a:extLst>
              <a:ext uri="{FF2B5EF4-FFF2-40B4-BE49-F238E27FC236}">
                <a16:creationId xmlns:a16="http://schemas.microsoft.com/office/drawing/2014/main" id="{2ED4DD7F-4C9C-BC00-895B-B5D176D4FE2E}"/>
              </a:ext>
            </a:extLst>
          </p:cNvPr>
          <p:cNvPicPr>
            <a:picLocks noChangeAspect="1"/>
          </p:cNvPicPr>
          <p:nvPr/>
        </p:nvPicPr>
        <p:blipFill rotWithShape="1">
          <a:blip r:embed="rId7"/>
          <a:srcRect l="1042" r="3731"/>
          <a:stretch/>
        </p:blipFill>
        <p:spPr>
          <a:xfrm>
            <a:off x="4799632" y="1106149"/>
            <a:ext cx="6562144" cy="4645702"/>
          </a:xfrm>
          <a:prstGeom prst="roundRect">
            <a:avLst>
              <a:gd name="adj" fmla="val 1879"/>
            </a:avLst>
          </a:prstGeom>
          <a:effectLst>
            <a:reflection blurRad="6350" stA="10000" endPos="29000" dist="63500" dir="5400000" sy="-100000" algn="bl" rotWithShape="0"/>
          </a:effectLst>
        </p:spPr>
      </p:pic>
      <p:sp>
        <p:nvSpPr>
          <p:cNvPr id="2" name="Title 1">
            <a:extLst>
              <a:ext uri="{FF2B5EF4-FFF2-40B4-BE49-F238E27FC236}">
                <a16:creationId xmlns:a16="http://schemas.microsoft.com/office/drawing/2014/main" id="{B40906C9-4385-0DDE-C197-4D714620663A}"/>
              </a:ext>
            </a:extLst>
          </p:cNvPr>
          <p:cNvSpPr txBox="1">
            <a:spLocks/>
          </p:cNvSpPr>
          <p:nvPr/>
        </p:nvSpPr>
        <p:spPr>
          <a:xfrm>
            <a:off x="528578" y="980148"/>
            <a:ext cx="4690874" cy="1665014"/>
          </a:xfrm>
          <a:prstGeom prst="rect">
            <a:avLst/>
          </a:prstGeom>
        </p:spPr>
        <p:txBody>
          <a:bodyPr vert="horz" lIns="121920" tIns="60960" rIns="121920" bIns="60960" rtlCol="0" anchor="t">
            <a:noAutofit/>
          </a:bodyPr>
          <a:lstStyle>
            <a:lvl1pPr algn="ctr" defTabSz="685800" rtl="0" eaLnBrk="1" latinLnBrk="0" hangingPunct="1">
              <a:lnSpc>
                <a:spcPct val="90000"/>
              </a:lnSpc>
              <a:spcBef>
                <a:spcPct val="0"/>
              </a:spcBef>
              <a:buNone/>
              <a:defRPr sz="2400" b="1" i="0" kern="1200">
                <a:solidFill>
                  <a:schemeClr val="bg1"/>
                </a:solidFill>
                <a:latin typeface="+mj-lt"/>
                <a:ea typeface="+mj-ea"/>
                <a:cs typeface="+mj-cs"/>
              </a:defRPr>
            </a:lvl1pPr>
          </a:lstStyle>
          <a:p>
            <a:pPr marR="0" lvl="0" indent="0" algn="l" defTabSz="914377" fontAlgn="auto">
              <a:lnSpc>
                <a:spcPct val="100000"/>
              </a:lnSpc>
              <a:spcAft>
                <a:spcPts val="0"/>
              </a:spcAft>
              <a:buClrTx/>
              <a:buSzTx/>
              <a:tabLst/>
              <a:defRPr/>
            </a:pPr>
            <a:r>
              <a:rPr lang="en-US" sz="4800" dirty="0">
                <a:sym typeface="Arial"/>
              </a:rPr>
              <a:t>Thanks for watching!</a:t>
            </a:r>
          </a:p>
        </p:txBody>
      </p:sp>
      <p:sp>
        <p:nvSpPr>
          <p:cNvPr id="3" name="TextBox 2">
            <a:extLst>
              <a:ext uri="{FF2B5EF4-FFF2-40B4-BE49-F238E27FC236}">
                <a16:creationId xmlns:a16="http://schemas.microsoft.com/office/drawing/2014/main" id="{2B54FF9E-A0E7-9A56-B030-B0F5789EB666}"/>
              </a:ext>
            </a:extLst>
          </p:cNvPr>
          <p:cNvSpPr txBox="1"/>
          <p:nvPr/>
        </p:nvSpPr>
        <p:spPr>
          <a:xfrm>
            <a:off x="528578" y="3216245"/>
            <a:ext cx="3474086" cy="2462213"/>
          </a:xfrm>
          <a:prstGeom prst="rect">
            <a:avLst/>
          </a:prstGeom>
          <a:noFill/>
        </p:spPr>
        <p:txBody>
          <a:bodyPr wrap="square">
            <a:spAutoFit/>
          </a:bodyPr>
          <a:lstStyle>
            <a:defPPr>
              <a:defRPr lang="en-US"/>
            </a:defPPr>
            <a:lvl1pPr indent="0">
              <a:spcAft>
                <a:spcPts val="600"/>
              </a:spcAft>
              <a:buNone/>
              <a:defRPr>
                <a:solidFill>
                  <a:schemeClr val="accent2">
                    <a:lumMod val="60000"/>
                    <a:lumOff val="40000"/>
                  </a:schemeClr>
                </a:solidFill>
              </a:defRPr>
            </a:lvl1pPr>
            <a:lvl2pPr marL="295275" lvl="1" indent="-187325">
              <a:spcAft>
                <a:spcPts val="600"/>
              </a:spcAft>
              <a:buFont typeface="Arial" panose="020B0604020202020204" pitchFamily="34" charset="0"/>
              <a:buChar char="•"/>
              <a:defRPr>
                <a:solidFill>
                  <a:schemeClr val="accent2">
                    <a:lumMod val="60000"/>
                    <a:lumOff val="40000"/>
                  </a:schemeClr>
                </a:solidFill>
              </a:defRPr>
            </a:lvl2pPr>
          </a:lstStyle>
          <a:p>
            <a:r>
              <a:rPr lang="en-US" dirty="0"/>
              <a:t>To learn more, visit </a:t>
            </a:r>
            <a:r>
              <a:rPr lang="en-US" dirty="0">
                <a:hlinkClick r:id="rId8"/>
              </a:rPr>
              <a:t>our knowledge base.</a:t>
            </a:r>
            <a:r>
              <a:rPr lang="en-US" dirty="0"/>
              <a:t> </a:t>
            </a:r>
          </a:p>
          <a:p>
            <a:endParaRPr lang="en-US" dirty="0"/>
          </a:p>
          <a:p>
            <a:r>
              <a:rPr lang="en-US" dirty="0"/>
              <a:t>Be sure to check out all our Feature Highlight learnings and use our knowledge base for all things Autobooks!</a:t>
            </a:r>
            <a:br>
              <a:rPr lang="en-US" dirty="0"/>
            </a:br>
            <a:endParaRPr lang="en-US" dirty="0"/>
          </a:p>
        </p:txBody>
      </p:sp>
    </p:spTree>
    <p:custDataLst>
      <p:tags r:id="rId1"/>
    </p:custDataLst>
    <p:extLst>
      <p:ext uri="{BB962C8B-B14F-4D97-AF65-F5344CB8AC3E}">
        <p14:creationId xmlns:p14="http://schemas.microsoft.com/office/powerpoint/2010/main" val="1645886216"/>
      </p:ext>
    </p:extLst>
  </p:cSld>
  <p:clrMapOvr>
    <a:masterClrMapping/>
  </p:clrMapOvr>
  <mc:AlternateContent xmlns:mc="http://schemas.openxmlformats.org/markup-compatibility/2006" xmlns:p159="http://schemas.microsoft.com/office/powerpoint/2015/09/main">
    <mc:Choice Requires="p159">
      <p:transition spd="slow">
        <p159:morph option="byObject"/>
      </p:transition>
    </mc:Choice>
    <mc:Fallback xmlns="">
      <p:transition spd="slow">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D8454740-B72A-2FDC-5F78-48068DE5C21A}"/>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rot="5400000">
            <a:off x="6875656" y="244165"/>
            <a:ext cx="8072452" cy="4036227"/>
          </a:xfrm>
          <a:prstGeom prst="rect">
            <a:avLst/>
          </a:prstGeom>
        </p:spPr>
      </p:pic>
      <p:sp>
        <p:nvSpPr>
          <p:cNvPr id="3" name="Graphic 7">
            <a:extLst>
              <a:ext uri="{FF2B5EF4-FFF2-40B4-BE49-F238E27FC236}">
                <a16:creationId xmlns:a16="http://schemas.microsoft.com/office/drawing/2014/main" id="{5F336B7A-579C-CD6F-917A-4A220074E9A7}"/>
              </a:ext>
            </a:extLst>
          </p:cNvPr>
          <p:cNvSpPr/>
          <p:nvPr/>
        </p:nvSpPr>
        <p:spPr>
          <a:xfrm rot="16956679" flipH="1">
            <a:off x="-1983446" y="692903"/>
            <a:ext cx="6680498" cy="9228746"/>
          </a:xfrm>
          <a:custGeom>
            <a:avLst/>
            <a:gdLst>
              <a:gd name="connsiteX0" fmla="*/ 5573773 w 5984417"/>
              <a:gd name="connsiteY0" fmla="*/ 9840118 h 9840984"/>
              <a:gd name="connsiteX1" fmla="*/ 5562018 w 5984417"/>
              <a:gd name="connsiteY1" fmla="*/ 9817675 h 9840984"/>
              <a:gd name="connsiteX2" fmla="*/ 5562035 w 5984417"/>
              <a:gd name="connsiteY2" fmla="*/ 9817590 h 9840984"/>
              <a:gd name="connsiteX3" fmla="*/ 5562035 w 5984417"/>
              <a:gd name="connsiteY3" fmla="*/ 9817590 h 9840984"/>
              <a:gd name="connsiteX4" fmla="*/ 5947693 w 5984417"/>
              <a:gd name="connsiteY4" fmla="*/ 7432111 h 9840984"/>
              <a:gd name="connsiteX5" fmla="*/ 1695920 w 5984417"/>
              <a:gd name="connsiteY5" fmla="*/ 33647 h 9840984"/>
              <a:gd name="connsiteX6" fmla="*/ 1690068 w 5984417"/>
              <a:gd name="connsiteY6" fmla="*/ 8594 h 9840984"/>
              <a:gd name="connsiteX7" fmla="*/ 1713698 w 5984417"/>
              <a:gd name="connsiteY7" fmla="*/ 1938 h 9840984"/>
              <a:gd name="connsiteX8" fmla="*/ 5983673 w 5984417"/>
              <a:gd name="connsiteY8" fmla="*/ 7432366 h 9840984"/>
              <a:gd name="connsiteX9" fmla="*/ 5596909 w 5984417"/>
              <a:gd name="connsiteY9" fmla="*/ 9828387 h 9840984"/>
              <a:gd name="connsiteX10" fmla="*/ 5579897 w 5984417"/>
              <a:gd name="connsiteY10" fmla="*/ 9840968 h 9840984"/>
              <a:gd name="connsiteX11" fmla="*/ 5573773 w 5984417"/>
              <a:gd name="connsiteY11" fmla="*/ 9840118 h 9840984"/>
              <a:gd name="connsiteX12" fmla="*/ 5477060 w 5984417"/>
              <a:gd name="connsiteY12" fmla="*/ 9806794 h 9840984"/>
              <a:gd name="connsiteX13" fmla="*/ 5465186 w 5984417"/>
              <a:gd name="connsiteY13" fmla="*/ 9784521 h 9840984"/>
              <a:gd name="connsiteX14" fmla="*/ 5465237 w 5984417"/>
              <a:gd name="connsiteY14" fmla="*/ 9784351 h 9840984"/>
              <a:gd name="connsiteX15" fmla="*/ 5465237 w 5984417"/>
              <a:gd name="connsiteY15" fmla="*/ 9784351 h 9840984"/>
              <a:gd name="connsiteX16" fmla="*/ 5845367 w 5984417"/>
              <a:gd name="connsiteY16" fmla="*/ 7426670 h 9840984"/>
              <a:gd name="connsiteX17" fmla="*/ 1641653 w 5984417"/>
              <a:gd name="connsiteY17" fmla="*/ 120443 h 9840984"/>
              <a:gd name="connsiteX18" fmla="*/ 1634040 w 5984417"/>
              <a:gd name="connsiteY18" fmla="*/ 95990 h 9840984"/>
              <a:gd name="connsiteX19" fmla="*/ 1658511 w 5984417"/>
              <a:gd name="connsiteY19" fmla="*/ 88386 h 9840984"/>
              <a:gd name="connsiteX20" fmla="*/ 1659430 w 5984417"/>
              <a:gd name="connsiteY20" fmla="*/ 88904 h 9840984"/>
              <a:gd name="connsiteX21" fmla="*/ 1659430 w 5984417"/>
              <a:gd name="connsiteY21" fmla="*/ 88904 h 9840984"/>
              <a:gd name="connsiteX22" fmla="*/ 5881773 w 5984417"/>
              <a:gd name="connsiteY22" fmla="*/ 7427010 h 9840984"/>
              <a:gd name="connsiteX23" fmla="*/ 5499857 w 5984417"/>
              <a:gd name="connsiteY23" fmla="*/ 9795062 h 9840984"/>
              <a:gd name="connsiteX24" fmla="*/ 5477520 w 5984417"/>
              <a:gd name="connsiteY24" fmla="*/ 9806879 h 9840984"/>
              <a:gd name="connsiteX25" fmla="*/ 5477316 w 5984417"/>
              <a:gd name="connsiteY25" fmla="*/ 9806794 h 9840984"/>
              <a:gd name="connsiteX26" fmla="*/ 5380263 w 5984417"/>
              <a:gd name="connsiteY26" fmla="*/ 9773469 h 9840984"/>
              <a:gd name="connsiteX27" fmla="*/ 5368389 w 5984417"/>
              <a:gd name="connsiteY27" fmla="*/ 9751197 h 9840984"/>
              <a:gd name="connsiteX28" fmla="*/ 5368440 w 5984417"/>
              <a:gd name="connsiteY28" fmla="*/ 9751026 h 9840984"/>
              <a:gd name="connsiteX29" fmla="*/ 5368440 w 5984417"/>
              <a:gd name="connsiteY29" fmla="*/ 9751026 h 9840984"/>
              <a:gd name="connsiteX30" fmla="*/ 5742701 w 5984417"/>
              <a:gd name="connsiteY30" fmla="*/ 7421740 h 9840984"/>
              <a:gd name="connsiteX31" fmla="*/ 1587045 w 5984417"/>
              <a:gd name="connsiteY31" fmla="*/ 207493 h 9840984"/>
              <a:gd name="connsiteX32" fmla="*/ 1580197 w 5984417"/>
              <a:gd name="connsiteY32" fmla="*/ 182798 h 9840984"/>
              <a:gd name="connsiteX33" fmla="*/ 1604907 w 5984417"/>
              <a:gd name="connsiteY33" fmla="*/ 175955 h 9840984"/>
              <a:gd name="connsiteX34" fmla="*/ 1604907 w 5984417"/>
              <a:gd name="connsiteY34" fmla="*/ 175955 h 9840984"/>
              <a:gd name="connsiteX35" fmla="*/ 5779361 w 5984417"/>
              <a:gd name="connsiteY35" fmla="*/ 7421059 h 9840984"/>
              <a:gd name="connsiteX36" fmla="*/ 5403059 w 5984417"/>
              <a:gd name="connsiteY36" fmla="*/ 9761399 h 9840984"/>
              <a:gd name="connsiteX37" fmla="*/ 5386047 w 5984417"/>
              <a:gd name="connsiteY37" fmla="*/ 9773980 h 9840984"/>
              <a:gd name="connsiteX38" fmla="*/ 5380518 w 5984417"/>
              <a:gd name="connsiteY38" fmla="*/ 9773045 h 9840984"/>
              <a:gd name="connsiteX39" fmla="*/ 5283466 w 5984417"/>
              <a:gd name="connsiteY39" fmla="*/ 9740231 h 9840984"/>
              <a:gd name="connsiteX40" fmla="*/ 5271642 w 5984417"/>
              <a:gd name="connsiteY40" fmla="*/ 9717703 h 9840984"/>
              <a:gd name="connsiteX41" fmla="*/ 5271642 w 5984417"/>
              <a:gd name="connsiteY41" fmla="*/ 9717703 h 9840984"/>
              <a:gd name="connsiteX42" fmla="*/ 5640799 w 5984417"/>
              <a:gd name="connsiteY42" fmla="*/ 7415789 h 9840984"/>
              <a:gd name="connsiteX43" fmla="*/ 1532437 w 5984417"/>
              <a:gd name="connsiteY43" fmla="*/ 294799 h 9840984"/>
              <a:gd name="connsiteX44" fmla="*/ 1525589 w 5984417"/>
              <a:gd name="connsiteY44" fmla="*/ 270104 h 9840984"/>
              <a:gd name="connsiteX45" fmla="*/ 1550299 w 5984417"/>
              <a:gd name="connsiteY45" fmla="*/ 263260 h 9840984"/>
              <a:gd name="connsiteX46" fmla="*/ 1550299 w 5984417"/>
              <a:gd name="connsiteY46" fmla="*/ 263260 h 9840984"/>
              <a:gd name="connsiteX47" fmla="*/ 5677120 w 5984417"/>
              <a:gd name="connsiteY47" fmla="*/ 7415959 h 9840984"/>
              <a:gd name="connsiteX48" fmla="*/ 5306262 w 5984417"/>
              <a:gd name="connsiteY48" fmla="*/ 9728244 h 9840984"/>
              <a:gd name="connsiteX49" fmla="*/ 5289250 w 5984417"/>
              <a:gd name="connsiteY49" fmla="*/ 9740826 h 9840984"/>
              <a:gd name="connsiteX50" fmla="*/ 5283806 w 5984417"/>
              <a:gd name="connsiteY50" fmla="*/ 9739976 h 9840984"/>
              <a:gd name="connsiteX51" fmla="*/ 5186754 w 5984417"/>
              <a:gd name="connsiteY51" fmla="*/ 9706906 h 9840984"/>
              <a:gd name="connsiteX52" fmla="*/ 5175015 w 5984417"/>
              <a:gd name="connsiteY52" fmla="*/ 9684464 h 9840984"/>
              <a:gd name="connsiteX53" fmla="*/ 5175015 w 5984417"/>
              <a:gd name="connsiteY53" fmla="*/ 9684464 h 9840984"/>
              <a:gd name="connsiteX54" fmla="*/ 5538813 w 5984417"/>
              <a:gd name="connsiteY54" fmla="*/ 7410433 h 9840984"/>
              <a:gd name="connsiteX55" fmla="*/ 1478339 w 5984417"/>
              <a:gd name="connsiteY55" fmla="*/ 381510 h 9840984"/>
              <a:gd name="connsiteX56" fmla="*/ 1472801 w 5984417"/>
              <a:gd name="connsiteY56" fmla="*/ 356508 h 9840984"/>
              <a:gd name="connsiteX57" fmla="*/ 1496201 w 5984417"/>
              <a:gd name="connsiteY57" fmla="*/ 350056 h 9840984"/>
              <a:gd name="connsiteX58" fmla="*/ 5574964 w 5984417"/>
              <a:gd name="connsiteY58" fmla="*/ 7410603 h 9840984"/>
              <a:gd name="connsiteX59" fmla="*/ 5209209 w 5984417"/>
              <a:gd name="connsiteY59" fmla="*/ 9695175 h 9840984"/>
              <a:gd name="connsiteX60" fmla="*/ 5192197 w 5984417"/>
              <a:gd name="connsiteY60" fmla="*/ 9707756 h 9840984"/>
              <a:gd name="connsiteX61" fmla="*/ 5186754 w 5984417"/>
              <a:gd name="connsiteY61" fmla="*/ 9706906 h 9840984"/>
              <a:gd name="connsiteX62" fmla="*/ 5090041 w 5984417"/>
              <a:gd name="connsiteY62" fmla="*/ 9673837 h 9840984"/>
              <a:gd name="connsiteX63" fmla="*/ 5078166 w 5984417"/>
              <a:gd name="connsiteY63" fmla="*/ 9651565 h 9840984"/>
              <a:gd name="connsiteX64" fmla="*/ 5078218 w 5984417"/>
              <a:gd name="connsiteY64" fmla="*/ 9651394 h 9840984"/>
              <a:gd name="connsiteX65" fmla="*/ 5078218 w 5984417"/>
              <a:gd name="connsiteY65" fmla="*/ 9651394 h 9840984"/>
              <a:gd name="connsiteX66" fmla="*/ 5436402 w 5984417"/>
              <a:gd name="connsiteY66" fmla="*/ 7405333 h 9840984"/>
              <a:gd name="connsiteX67" fmla="*/ 1423986 w 5984417"/>
              <a:gd name="connsiteY67" fmla="*/ 468476 h 9840984"/>
              <a:gd name="connsiteX68" fmla="*/ 1417011 w 5984417"/>
              <a:gd name="connsiteY68" fmla="*/ 443823 h 9840984"/>
              <a:gd name="connsiteX69" fmla="*/ 1441091 w 5984417"/>
              <a:gd name="connsiteY69" fmla="*/ 436592 h 9840984"/>
              <a:gd name="connsiteX70" fmla="*/ 1441253 w 5984417"/>
              <a:gd name="connsiteY70" fmla="*/ 436682 h 9840984"/>
              <a:gd name="connsiteX71" fmla="*/ 1441253 w 5984417"/>
              <a:gd name="connsiteY71" fmla="*/ 436682 h 9840984"/>
              <a:gd name="connsiteX72" fmla="*/ 5473063 w 5984417"/>
              <a:gd name="connsiteY72" fmla="*/ 7404992 h 9840984"/>
              <a:gd name="connsiteX73" fmla="*/ 5113092 w 5984417"/>
              <a:gd name="connsiteY73" fmla="*/ 9661596 h 9840984"/>
              <a:gd name="connsiteX74" fmla="*/ 5096080 w 5984417"/>
              <a:gd name="connsiteY74" fmla="*/ 9674178 h 9840984"/>
              <a:gd name="connsiteX75" fmla="*/ 5090551 w 5984417"/>
              <a:gd name="connsiteY75" fmla="*/ 9673327 h 9840984"/>
              <a:gd name="connsiteX76" fmla="*/ 4992903 w 5984417"/>
              <a:gd name="connsiteY76" fmla="*/ 9639833 h 9840984"/>
              <a:gd name="connsiteX77" fmla="*/ 4981080 w 5984417"/>
              <a:gd name="connsiteY77" fmla="*/ 9617305 h 9840984"/>
              <a:gd name="connsiteX78" fmla="*/ 4981080 w 5984417"/>
              <a:gd name="connsiteY78" fmla="*/ 9617305 h 9840984"/>
              <a:gd name="connsiteX79" fmla="*/ 5333821 w 5984417"/>
              <a:gd name="connsiteY79" fmla="*/ 7399127 h 9840984"/>
              <a:gd name="connsiteX80" fmla="*/ 1369463 w 5984417"/>
              <a:gd name="connsiteY80" fmla="*/ 555696 h 9840984"/>
              <a:gd name="connsiteX81" fmla="*/ 1363917 w 5984417"/>
              <a:gd name="connsiteY81" fmla="*/ 530697 h 9840984"/>
              <a:gd name="connsiteX82" fmla="*/ 1387155 w 5984417"/>
              <a:gd name="connsiteY82" fmla="*/ 524158 h 9840984"/>
              <a:gd name="connsiteX83" fmla="*/ 5370141 w 5984417"/>
              <a:gd name="connsiteY83" fmla="*/ 7399807 h 9840984"/>
              <a:gd name="connsiteX84" fmla="*/ 5015699 w 5984417"/>
              <a:gd name="connsiteY84" fmla="*/ 9628612 h 9840984"/>
              <a:gd name="connsiteX85" fmla="*/ 4998687 w 5984417"/>
              <a:gd name="connsiteY85" fmla="*/ 9641194 h 9840984"/>
              <a:gd name="connsiteX86" fmla="*/ 4993244 w 5984417"/>
              <a:gd name="connsiteY86" fmla="*/ 9640344 h 9840984"/>
              <a:gd name="connsiteX87" fmla="*/ 4896276 w 5984417"/>
              <a:gd name="connsiteY87" fmla="*/ 9606509 h 9840984"/>
              <a:gd name="connsiteX88" fmla="*/ 4884231 w 5984417"/>
              <a:gd name="connsiteY88" fmla="*/ 9584321 h 9840984"/>
              <a:gd name="connsiteX89" fmla="*/ 4884282 w 5984417"/>
              <a:gd name="connsiteY89" fmla="*/ 9584151 h 9840984"/>
              <a:gd name="connsiteX90" fmla="*/ 4884282 w 5984417"/>
              <a:gd name="connsiteY90" fmla="*/ 9584151 h 9840984"/>
              <a:gd name="connsiteX91" fmla="*/ 5231920 w 5984417"/>
              <a:gd name="connsiteY91" fmla="*/ 7393431 h 9840984"/>
              <a:gd name="connsiteX92" fmla="*/ 1315195 w 5984417"/>
              <a:gd name="connsiteY92" fmla="*/ 642746 h 9840984"/>
              <a:gd name="connsiteX93" fmla="*/ 1308135 w 5984417"/>
              <a:gd name="connsiteY93" fmla="*/ 618263 h 9840984"/>
              <a:gd name="connsiteX94" fmla="*/ 1308135 w 5984417"/>
              <a:gd name="connsiteY94" fmla="*/ 618264 h 9840984"/>
              <a:gd name="connsiteX95" fmla="*/ 1332037 w 5984417"/>
              <a:gd name="connsiteY95" fmla="*/ 610953 h 9840984"/>
              <a:gd name="connsiteX96" fmla="*/ 1332802 w 5984417"/>
              <a:gd name="connsiteY96" fmla="*/ 610953 h 9840984"/>
              <a:gd name="connsiteX97" fmla="*/ 5268155 w 5984417"/>
              <a:gd name="connsiteY97" fmla="*/ 7394281 h 9840984"/>
              <a:gd name="connsiteX98" fmla="*/ 4919412 w 5984417"/>
              <a:gd name="connsiteY98" fmla="*/ 9595117 h 9840984"/>
              <a:gd name="connsiteX99" fmla="*/ 4902400 w 5984417"/>
              <a:gd name="connsiteY99" fmla="*/ 9607869 h 9840984"/>
              <a:gd name="connsiteX100" fmla="*/ 4897041 w 5984417"/>
              <a:gd name="connsiteY100" fmla="*/ 9607019 h 9840984"/>
              <a:gd name="connsiteX101" fmla="*/ 4799478 w 5984417"/>
              <a:gd name="connsiteY101" fmla="*/ 9573185 h 9840984"/>
              <a:gd name="connsiteX102" fmla="*/ 4787485 w 5984417"/>
              <a:gd name="connsiteY102" fmla="*/ 9550912 h 9840984"/>
              <a:gd name="connsiteX103" fmla="*/ 4787485 w 5984417"/>
              <a:gd name="connsiteY103" fmla="*/ 9550912 h 9840984"/>
              <a:gd name="connsiteX104" fmla="*/ 5129083 w 5984417"/>
              <a:gd name="connsiteY104" fmla="*/ 7388755 h 9840984"/>
              <a:gd name="connsiteX105" fmla="*/ 1260757 w 5984417"/>
              <a:gd name="connsiteY105" fmla="*/ 729713 h 9840984"/>
              <a:gd name="connsiteX106" fmla="*/ 1253655 w 5984417"/>
              <a:gd name="connsiteY106" fmla="*/ 705187 h 9840984"/>
              <a:gd name="connsiteX107" fmla="*/ 1278194 w 5984417"/>
              <a:gd name="connsiteY107" fmla="*/ 698089 h 9840984"/>
              <a:gd name="connsiteX108" fmla="*/ 1278194 w 5984417"/>
              <a:gd name="connsiteY108" fmla="*/ 698089 h 9840984"/>
              <a:gd name="connsiteX109" fmla="*/ 5165404 w 5984417"/>
              <a:gd name="connsiteY109" fmla="*/ 7388415 h 9840984"/>
              <a:gd name="connsiteX110" fmla="*/ 4822870 w 5984417"/>
              <a:gd name="connsiteY110" fmla="*/ 9561878 h 9840984"/>
              <a:gd name="connsiteX111" fmla="*/ 4805858 w 5984417"/>
              <a:gd name="connsiteY111" fmla="*/ 9574630 h 9840984"/>
              <a:gd name="connsiteX112" fmla="*/ 4800414 w 5984417"/>
              <a:gd name="connsiteY112" fmla="*/ 9573695 h 9840984"/>
              <a:gd name="connsiteX113" fmla="*/ 4702766 w 5984417"/>
              <a:gd name="connsiteY113" fmla="*/ 9539861 h 9840984"/>
              <a:gd name="connsiteX114" fmla="*/ 4690688 w 5984417"/>
              <a:gd name="connsiteY114" fmla="*/ 9517843 h 9840984"/>
              <a:gd name="connsiteX115" fmla="*/ 4690688 w 5984417"/>
              <a:gd name="connsiteY115" fmla="*/ 9517843 h 9840984"/>
              <a:gd name="connsiteX116" fmla="*/ 4690688 w 5984417"/>
              <a:gd name="connsiteY116" fmla="*/ 9517843 h 9840984"/>
              <a:gd name="connsiteX117" fmla="*/ 5027012 w 5984417"/>
              <a:gd name="connsiteY117" fmla="*/ 7383230 h 9840984"/>
              <a:gd name="connsiteX118" fmla="*/ 1206404 w 5984417"/>
              <a:gd name="connsiteY118" fmla="*/ 816764 h 9840984"/>
              <a:gd name="connsiteX119" fmla="*/ 1200858 w 5984417"/>
              <a:gd name="connsiteY119" fmla="*/ 791765 h 9840984"/>
              <a:gd name="connsiteX120" fmla="*/ 1224097 w 5984417"/>
              <a:gd name="connsiteY120" fmla="*/ 785225 h 9840984"/>
              <a:gd name="connsiteX121" fmla="*/ 5063672 w 5984417"/>
              <a:gd name="connsiteY121" fmla="*/ 7383315 h 9840984"/>
              <a:gd name="connsiteX122" fmla="*/ 4725647 w 5984417"/>
              <a:gd name="connsiteY122" fmla="*/ 9528555 h 9840984"/>
              <a:gd name="connsiteX123" fmla="*/ 4708635 w 5984417"/>
              <a:gd name="connsiteY123" fmla="*/ 9541306 h 9840984"/>
              <a:gd name="connsiteX124" fmla="*/ 4703191 w 5984417"/>
              <a:gd name="connsiteY124" fmla="*/ 9540371 h 9840984"/>
              <a:gd name="connsiteX125" fmla="*/ 4605969 w 5984417"/>
              <a:gd name="connsiteY125" fmla="*/ 9506621 h 9840984"/>
              <a:gd name="connsiteX126" fmla="*/ 4593975 w 5984417"/>
              <a:gd name="connsiteY126" fmla="*/ 9484263 h 9840984"/>
              <a:gd name="connsiteX127" fmla="*/ 4593975 w 5984417"/>
              <a:gd name="connsiteY127" fmla="*/ 9484263 h 9840984"/>
              <a:gd name="connsiteX128" fmla="*/ 4593975 w 5984417"/>
              <a:gd name="connsiteY128" fmla="*/ 9484263 h 9840984"/>
              <a:gd name="connsiteX129" fmla="*/ 4924941 w 5984417"/>
              <a:gd name="connsiteY129" fmla="*/ 7377874 h 9840984"/>
              <a:gd name="connsiteX130" fmla="*/ 1151881 w 5984417"/>
              <a:gd name="connsiteY130" fmla="*/ 903899 h 9840984"/>
              <a:gd name="connsiteX131" fmla="*/ 1144991 w 5984417"/>
              <a:gd name="connsiteY131" fmla="*/ 879161 h 9840984"/>
              <a:gd name="connsiteX132" fmla="*/ 1169318 w 5984417"/>
              <a:gd name="connsiteY132" fmla="*/ 872021 h 9840984"/>
              <a:gd name="connsiteX133" fmla="*/ 1169318 w 5984417"/>
              <a:gd name="connsiteY133" fmla="*/ 872021 h 9840984"/>
              <a:gd name="connsiteX134" fmla="*/ 4961516 w 5984417"/>
              <a:gd name="connsiteY134" fmla="*/ 7377874 h 9840984"/>
              <a:gd name="connsiteX135" fmla="*/ 4628849 w 5984417"/>
              <a:gd name="connsiteY135" fmla="*/ 9495315 h 9840984"/>
              <a:gd name="connsiteX136" fmla="*/ 4611838 w 5984417"/>
              <a:gd name="connsiteY136" fmla="*/ 9508067 h 9840984"/>
              <a:gd name="connsiteX137" fmla="*/ 4606479 w 5984417"/>
              <a:gd name="connsiteY137" fmla="*/ 9507217 h 9840984"/>
              <a:gd name="connsiteX138" fmla="*/ 4509171 w 5984417"/>
              <a:gd name="connsiteY138" fmla="*/ 9473298 h 9840984"/>
              <a:gd name="connsiteX139" fmla="*/ 4497178 w 5984417"/>
              <a:gd name="connsiteY139" fmla="*/ 9451025 h 9840984"/>
              <a:gd name="connsiteX140" fmla="*/ 4497178 w 5984417"/>
              <a:gd name="connsiteY140" fmla="*/ 9451025 h 9840984"/>
              <a:gd name="connsiteX141" fmla="*/ 4822870 w 5984417"/>
              <a:gd name="connsiteY141" fmla="*/ 7372093 h 9840984"/>
              <a:gd name="connsiteX142" fmla="*/ 1097273 w 5984417"/>
              <a:gd name="connsiteY142" fmla="*/ 990950 h 9840984"/>
              <a:gd name="connsiteX143" fmla="*/ 1090298 w 5984417"/>
              <a:gd name="connsiteY143" fmla="*/ 966127 h 9840984"/>
              <a:gd name="connsiteX144" fmla="*/ 1114966 w 5984417"/>
              <a:gd name="connsiteY144" fmla="*/ 959241 h 9840984"/>
              <a:gd name="connsiteX145" fmla="*/ 4858850 w 5984417"/>
              <a:gd name="connsiteY145" fmla="*/ 7372434 h 9840984"/>
              <a:gd name="connsiteX146" fmla="*/ 4531882 w 5984417"/>
              <a:gd name="connsiteY146" fmla="*/ 9461991 h 9840984"/>
              <a:gd name="connsiteX147" fmla="*/ 4514870 w 5984417"/>
              <a:gd name="connsiteY147" fmla="*/ 9474742 h 9840984"/>
              <a:gd name="connsiteX148" fmla="*/ 4509511 w 5984417"/>
              <a:gd name="connsiteY148" fmla="*/ 9473807 h 9840984"/>
              <a:gd name="connsiteX149" fmla="*/ 4412288 w 5984417"/>
              <a:gd name="connsiteY149" fmla="*/ 9439973 h 9840984"/>
              <a:gd name="connsiteX150" fmla="*/ 4400210 w 5984417"/>
              <a:gd name="connsiteY150" fmla="*/ 9417956 h 9840984"/>
              <a:gd name="connsiteX151" fmla="*/ 4400210 w 5984417"/>
              <a:gd name="connsiteY151" fmla="*/ 9417956 h 9840984"/>
              <a:gd name="connsiteX152" fmla="*/ 4400210 w 5984417"/>
              <a:gd name="connsiteY152" fmla="*/ 9417956 h 9840984"/>
              <a:gd name="connsiteX153" fmla="*/ 4720799 w 5984417"/>
              <a:gd name="connsiteY153" fmla="*/ 7366568 h 9840984"/>
              <a:gd name="connsiteX154" fmla="*/ 1043090 w 5984417"/>
              <a:gd name="connsiteY154" fmla="*/ 1077916 h 9840984"/>
              <a:gd name="connsiteX155" fmla="*/ 1035988 w 5984417"/>
              <a:gd name="connsiteY155" fmla="*/ 1053305 h 9840984"/>
              <a:gd name="connsiteX156" fmla="*/ 1060613 w 5984417"/>
              <a:gd name="connsiteY156" fmla="*/ 1046207 h 9840984"/>
              <a:gd name="connsiteX157" fmla="*/ 1060613 w 5984417"/>
              <a:gd name="connsiteY157" fmla="*/ 1046207 h 9840984"/>
              <a:gd name="connsiteX158" fmla="*/ 4756778 w 5984417"/>
              <a:gd name="connsiteY158" fmla="*/ 7366908 h 9840984"/>
              <a:gd name="connsiteX159" fmla="*/ 4435169 w 5984417"/>
              <a:gd name="connsiteY159" fmla="*/ 9428667 h 9840984"/>
              <a:gd name="connsiteX160" fmla="*/ 4418157 w 5984417"/>
              <a:gd name="connsiteY160" fmla="*/ 9441419 h 9840984"/>
              <a:gd name="connsiteX161" fmla="*/ 4412799 w 5984417"/>
              <a:gd name="connsiteY161" fmla="*/ 9440484 h 9840984"/>
              <a:gd name="connsiteX162" fmla="*/ 4315661 w 5984417"/>
              <a:gd name="connsiteY162" fmla="*/ 9406819 h 9840984"/>
              <a:gd name="connsiteX163" fmla="*/ 4304008 w 5984417"/>
              <a:gd name="connsiteY163" fmla="*/ 9384802 h 9840984"/>
              <a:gd name="connsiteX164" fmla="*/ 4304008 w 5984417"/>
              <a:gd name="connsiteY164" fmla="*/ 9384802 h 9840984"/>
              <a:gd name="connsiteX165" fmla="*/ 4618727 w 5984417"/>
              <a:gd name="connsiteY165" fmla="*/ 7361552 h 9840984"/>
              <a:gd name="connsiteX166" fmla="*/ 988823 w 5984417"/>
              <a:gd name="connsiteY166" fmla="*/ 1164967 h 9840984"/>
              <a:gd name="connsiteX167" fmla="*/ 983728 w 5984417"/>
              <a:gd name="connsiteY167" fmla="*/ 1139872 h 9840984"/>
              <a:gd name="connsiteX168" fmla="*/ 1005834 w 5984417"/>
              <a:gd name="connsiteY168" fmla="*/ 1133173 h 9840984"/>
              <a:gd name="connsiteX169" fmla="*/ 1005834 w 5984417"/>
              <a:gd name="connsiteY169" fmla="*/ 1133173 h 9840984"/>
              <a:gd name="connsiteX170" fmla="*/ 4654622 w 5984417"/>
              <a:gd name="connsiteY170" fmla="*/ 7361552 h 9840984"/>
              <a:gd name="connsiteX171" fmla="*/ 4338542 w 5984417"/>
              <a:gd name="connsiteY171" fmla="*/ 9395513 h 9840984"/>
              <a:gd name="connsiteX172" fmla="*/ 4321530 w 5984417"/>
              <a:gd name="connsiteY172" fmla="*/ 9408265 h 9840984"/>
              <a:gd name="connsiteX173" fmla="*/ 4316087 w 5984417"/>
              <a:gd name="connsiteY173" fmla="*/ 9407500 h 9840984"/>
              <a:gd name="connsiteX174" fmla="*/ 4218949 w 5984417"/>
              <a:gd name="connsiteY174" fmla="*/ 9374005 h 9840984"/>
              <a:gd name="connsiteX175" fmla="*/ 4206955 w 5984417"/>
              <a:gd name="connsiteY175" fmla="*/ 9351308 h 9840984"/>
              <a:gd name="connsiteX176" fmla="*/ 4516656 w 5984417"/>
              <a:gd name="connsiteY176" fmla="*/ 7355942 h 9840984"/>
              <a:gd name="connsiteX177" fmla="*/ 934980 w 5984417"/>
              <a:gd name="connsiteY177" fmla="*/ 1252187 h 9840984"/>
              <a:gd name="connsiteX178" fmla="*/ 929085 w 5984417"/>
              <a:gd name="connsiteY178" fmla="*/ 1227390 h 9840984"/>
              <a:gd name="connsiteX179" fmla="*/ 951992 w 5984417"/>
              <a:gd name="connsiteY179" fmla="*/ 1220479 h 9840984"/>
              <a:gd name="connsiteX180" fmla="*/ 951992 w 5984417"/>
              <a:gd name="connsiteY180" fmla="*/ 1220479 h 9840984"/>
              <a:gd name="connsiteX181" fmla="*/ 4552381 w 5984417"/>
              <a:gd name="connsiteY181" fmla="*/ 7356026 h 9840984"/>
              <a:gd name="connsiteX182" fmla="*/ 4241915 w 5984417"/>
              <a:gd name="connsiteY182" fmla="*/ 9362274 h 9840984"/>
              <a:gd name="connsiteX183" fmla="*/ 4224903 w 5984417"/>
              <a:gd name="connsiteY183" fmla="*/ 9375025 h 9840984"/>
              <a:gd name="connsiteX184" fmla="*/ 4219544 w 5984417"/>
              <a:gd name="connsiteY184" fmla="*/ 9374345 h 9840984"/>
              <a:gd name="connsiteX185" fmla="*/ 4122151 w 5984417"/>
              <a:gd name="connsiteY185" fmla="*/ 9340766 h 9840984"/>
              <a:gd name="connsiteX186" fmla="*/ 4110158 w 5984417"/>
              <a:gd name="connsiteY186" fmla="*/ 9317983 h 9840984"/>
              <a:gd name="connsiteX187" fmla="*/ 4413735 w 5984417"/>
              <a:gd name="connsiteY187" fmla="*/ 7350416 h 9840984"/>
              <a:gd name="connsiteX188" fmla="*/ 880032 w 5984417"/>
              <a:gd name="connsiteY188" fmla="*/ 1339153 h 9840984"/>
              <a:gd name="connsiteX189" fmla="*/ 872929 w 5984417"/>
              <a:gd name="connsiteY189" fmla="*/ 1314543 h 9840984"/>
              <a:gd name="connsiteX190" fmla="*/ 897554 w 5984417"/>
              <a:gd name="connsiteY190" fmla="*/ 1307444 h 9840984"/>
              <a:gd name="connsiteX191" fmla="*/ 897554 w 5984417"/>
              <a:gd name="connsiteY191" fmla="*/ 1307444 h 9840984"/>
              <a:gd name="connsiteX192" fmla="*/ 4450225 w 5984417"/>
              <a:gd name="connsiteY192" fmla="*/ 7350670 h 9840984"/>
              <a:gd name="connsiteX193" fmla="*/ 4145117 w 5984417"/>
              <a:gd name="connsiteY193" fmla="*/ 9328780 h 9840984"/>
              <a:gd name="connsiteX194" fmla="*/ 4128105 w 5984417"/>
              <a:gd name="connsiteY194" fmla="*/ 9341532 h 9840984"/>
              <a:gd name="connsiteX195" fmla="*/ 4122747 w 5984417"/>
              <a:gd name="connsiteY195" fmla="*/ 9340766 h 9840984"/>
              <a:gd name="connsiteX196" fmla="*/ 4025439 w 5984417"/>
              <a:gd name="connsiteY196" fmla="*/ 9307442 h 9840984"/>
              <a:gd name="connsiteX197" fmla="*/ 4013360 w 5984417"/>
              <a:gd name="connsiteY197" fmla="*/ 9284744 h 9840984"/>
              <a:gd name="connsiteX198" fmla="*/ 4311068 w 5984417"/>
              <a:gd name="connsiteY198" fmla="*/ 7345060 h 9840984"/>
              <a:gd name="connsiteX199" fmla="*/ 825509 w 5984417"/>
              <a:gd name="connsiteY199" fmla="*/ 1426119 h 9840984"/>
              <a:gd name="connsiteX200" fmla="*/ 818449 w 5984417"/>
              <a:gd name="connsiteY200" fmla="*/ 1401551 h 9840984"/>
              <a:gd name="connsiteX201" fmla="*/ 842606 w 5984417"/>
              <a:gd name="connsiteY201" fmla="*/ 1394155 h 9840984"/>
              <a:gd name="connsiteX202" fmla="*/ 842606 w 5984417"/>
              <a:gd name="connsiteY202" fmla="*/ 1394155 h 9840984"/>
              <a:gd name="connsiteX203" fmla="*/ 4347984 w 5984417"/>
              <a:gd name="connsiteY203" fmla="*/ 7344550 h 9840984"/>
              <a:gd name="connsiteX204" fmla="*/ 4048830 w 5984417"/>
              <a:gd name="connsiteY204" fmla="*/ 9295370 h 9840984"/>
              <a:gd name="connsiteX205" fmla="*/ 4031818 w 5984417"/>
              <a:gd name="connsiteY205" fmla="*/ 9308122 h 9840984"/>
              <a:gd name="connsiteX206" fmla="*/ 4026460 w 5984417"/>
              <a:gd name="connsiteY206" fmla="*/ 9307442 h 9840984"/>
              <a:gd name="connsiteX207" fmla="*/ 3928897 w 5984417"/>
              <a:gd name="connsiteY207" fmla="*/ 9274288 h 9840984"/>
              <a:gd name="connsiteX208" fmla="*/ 3916818 w 5984417"/>
              <a:gd name="connsiteY208" fmla="*/ 9251590 h 9840984"/>
              <a:gd name="connsiteX209" fmla="*/ 4209337 w 5984417"/>
              <a:gd name="connsiteY209" fmla="*/ 7339704 h 9840984"/>
              <a:gd name="connsiteX210" fmla="*/ 771241 w 5984417"/>
              <a:gd name="connsiteY210" fmla="*/ 1512830 h 9840984"/>
              <a:gd name="connsiteX211" fmla="*/ 761810 w 5984417"/>
              <a:gd name="connsiteY211" fmla="*/ 1489018 h 9840984"/>
              <a:gd name="connsiteX212" fmla="*/ 785634 w 5984417"/>
              <a:gd name="connsiteY212" fmla="*/ 1479591 h 9840984"/>
              <a:gd name="connsiteX213" fmla="*/ 787487 w 5984417"/>
              <a:gd name="connsiteY213" fmla="*/ 1480526 h 9840984"/>
              <a:gd name="connsiteX214" fmla="*/ 788253 w 5984417"/>
              <a:gd name="connsiteY214" fmla="*/ 1480526 h 9840984"/>
              <a:gd name="connsiteX215" fmla="*/ 788763 w 5984417"/>
              <a:gd name="connsiteY215" fmla="*/ 1480526 h 9840984"/>
              <a:gd name="connsiteX216" fmla="*/ 4245572 w 5984417"/>
              <a:gd name="connsiteY216" fmla="*/ 7338769 h 9840984"/>
              <a:gd name="connsiteX217" fmla="*/ 3951607 w 5984417"/>
              <a:gd name="connsiteY217" fmla="*/ 9261196 h 9840984"/>
              <a:gd name="connsiteX218" fmla="*/ 3928897 w 5984417"/>
              <a:gd name="connsiteY218" fmla="*/ 9273183 h 9840984"/>
              <a:gd name="connsiteX219" fmla="*/ 3832099 w 5984417"/>
              <a:gd name="connsiteY219" fmla="*/ 9240963 h 9840984"/>
              <a:gd name="connsiteX220" fmla="*/ 3820106 w 5984417"/>
              <a:gd name="connsiteY220" fmla="*/ 9218266 h 9840984"/>
              <a:gd name="connsiteX221" fmla="*/ 4107181 w 5984417"/>
              <a:gd name="connsiteY221" fmla="*/ 7334349 h 9840984"/>
              <a:gd name="connsiteX222" fmla="*/ 716718 w 5984417"/>
              <a:gd name="connsiteY222" fmla="*/ 1600135 h 9840984"/>
              <a:gd name="connsiteX223" fmla="*/ 709658 w 5984417"/>
              <a:gd name="connsiteY223" fmla="*/ 1575482 h 9840984"/>
              <a:gd name="connsiteX224" fmla="*/ 734070 w 5984417"/>
              <a:gd name="connsiteY224" fmla="*/ 1568341 h 9840984"/>
              <a:gd name="connsiteX225" fmla="*/ 734070 w 5984417"/>
              <a:gd name="connsiteY225" fmla="*/ 1568341 h 9840984"/>
              <a:gd name="connsiteX226" fmla="*/ 4143246 w 5984417"/>
              <a:gd name="connsiteY226" fmla="*/ 7334094 h 9840984"/>
              <a:gd name="connsiteX227" fmla="*/ 3854725 w 5984417"/>
              <a:gd name="connsiteY227" fmla="*/ 9228722 h 9840984"/>
              <a:gd name="connsiteX228" fmla="*/ 3837713 w 5984417"/>
              <a:gd name="connsiteY228" fmla="*/ 9241474 h 9840984"/>
              <a:gd name="connsiteX229" fmla="*/ 3832354 w 5984417"/>
              <a:gd name="connsiteY229" fmla="*/ 9240794 h 9840984"/>
              <a:gd name="connsiteX230" fmla="*/ 3735302 w 5984417"/>
              <a:gd name="connsiteY230" fmla="*/ 9207725 h 9840984"/>
              <a:gd name="connsiteX231" fmla="*/ 3723308 w 5984417"/>
              <a:gd name="connsiteY231" fmla="*/ 9184942 h 9840984"/>
              <a:gd name="connsiteX232" fmla="*/ 4004940 w 5984417"/>
              <a:gd name="connsiteY232" fmla="*/ 7328823 h 9840984"/>
              <a:gd name="connsiteX233" fmla="*/ 662110 w 5984417"/>
              <a:gd name="connsiteY233" fmla="*/ 1687356 h 9840984"/>
              <a:gd name="connsiteX234" fmla="*/ 652679 w 5984417"/>
              <a:gd name="connsiteY234" fmla="*/ 1663545 h 9840984"/>
              <a:gd name="connsiteX235" fmla="*/ 676503 w 5984417"/>
              <a:gd name="connsiteY235" fmla="*/ 1654117 h 9840984"/>
              <a:gd name="connsiteX236" fmla="*/ 678356 w 5984417"/>
              <a:gd name="connsiteY236" fmla="*/ 1655052 h 9840984"/>
              <a:gd name="connsiteX237" fmla="*/ 679122 w 5984417"/>
              <a:gd name="connsiteY237" fmla="*/ 1655052 h 9840984"/>
              <a:gd name="connsiteX238" fmla="*/ 679632 w 5984417"/>
              <a:gd name="connsiteY238" fmla="*/ 1655052 h 9840984"/>
              <a:gd name="connsiteX239" fmla="*/ 4041175 w 5984417"/>
              <a:gd name="connsiteY239" fmla="*/ 7328653 h 9840984"/>
              <a:gd name="connsiteX240" fmla="*/ 3758098 w 5984417"/>
              <a:gd name="connsiteY240" fmla="*/ 9195483 h 9840984"/>
              <a:gd name="connsiteX241" fmla="*/ 3740660 w 5984417"/>
              <a:gd name="connsiteY241" fmla="*/ 9208235 h 9840984"/>
              <a:gd name="connsiteX242" fmla="*/ 3735302 w 5984417"/>
              <a:gd name="connsiteY242" fmla="*/ 9207555 h 9840984"/>
              <a:gd name="connsiteX243" fmla="*/ 3638419 w 5984417"/>
              <a:gd name="connsiteY243" fmla="*/ 9174401 h 9840984"/>
              <a:gd name="connsiteX244" fmla="*/ 3626426 w 5984417"/>
              <a:gd name="connsiteY244" fmla="*/ 9151702 h 9840984"/>
              <a:gd name="connsiteX245" fmla="*/ 3902613 w 5984417"/>
              <a:gd name="connsiteY245" fmla="*/ 7323382 h 9840984"/>
              <a:gd name="connsiteX246" fmla="*/ 607757 w 5984417"/>
              <a:gd name="connsiteY246" fmla="*/ 1774237 h 9840984"/>
              <a:gd name="connsiteX247" fmla="*/ 600357 w 5984417"/>
              <a:gd name="connsiteY247" fmla="*/ 1749669 h 9840984"/>
              <a:gd name="connsiteX248" fmla="*/ 624760 w 5984417"/>
              <a:gd name="connsiteY248" fmla="*/ 1742264 h 9840984"/>
              <a:gd name="connsiteX249" fmla="*/ 624769 w 5984417"/>
              <a:gd name="connsiteY249" fmla="*/ 1742273 h 9840984"/>
              <a:gd name="connsiteX250" fmla="*/ 625364 w 5984417"/>
              <a:gd name="connsiteY250" fmla="*/ 1742273 h 9840984"/>
              <a:gd name="connsiteX251" fmla="*/ 3938849 w 5984417"/>
              <a:gd name="connsiteY251" fmla="*/ 7323212 h 9840984"/>
              <a:gd name="connsiteX252" fmla="*/ 3661130 w 5984417"/>
              <a:gd name="connsiteY252" fmla="*/ 9162244 h 9840984"/>
              <a:gd name="connsiteX253" fmla="*/ 3644118 w 5984417"/>
              <a:gd name="connsiteY253" fmla="*/ 9174995 h 9840984"/>
              <a:gd name="connsiteX254" fmla="*/ 3638759 w 5984417"/>
              <a:gd name="connsiteY254" fmla="*/ 9174230 h 9840984"/>
              <a:gd name="connsiteX255" fmla="*/ 3541622 w 5984417"/>
              <a:gd name="connsiteY255" fmla="*/ 9141076 h 9840984"/>
              <a:gd name="connsiteX256" fmla="*/ 3529628 w 5984417"/>
              <a:gd name="connsiteY256" fmla="*/ 9118379 h 9840984"/>
              <a:gd name="connsiteX257" fmla="*/ 3800372 w 5984417"/>
              <a:gd name="connsiteY257" fmla="*/ 7317771 h 9840984"/>
              <a:gd name="connsiteX258" fmla="*/ 553489 w 5984417"/>
              <a:gd name="connsiteY258" fmla="*/ 1861373 h 9840984"/>
              <a:gd name="connsiteX259" fmla="*/ 546579 w 5984417"/>
              <a:gd name="connsiteY259" fmla="*/ 1836711 h 9840984"/>
              <a:gd name="connsiteX260" fmla="*/ 570501 w 5984417"/>
              <a:gd name="connsiteY260" fmla="*/ 1829409 h 9840984"/>
              <a:gd name="connsiteX261" fmla="*/ 571011 w 5984417"/>
              <a:gd name="connsiteY261" fmla="*/ 1829409 h 9840984"/>
              <a:gd name="connsiteX262" fmla="*/ 3836607 w 5984417"/>
              <a:gd name="connsiteY262" fmla="*/ 7317687 h 9840984"/>
              <a:gd name="connsiteX263" fmla="*/ 3564417 w 5984417"/>
              <a:gd name="connsiteY263" fmla="*/ 9128920 h 9840984"/>
              <a:gd name="connsiteX264" fmla="*/ 3546980 w 5984417"/>
              <a:gd name="connsiteY264" fmla="*/ 9141672 h 9840984"/>
              <a:gd name="connsiteX265" fmla="*/ 3541622 w 5984417"/>
              <a:gd name="connsiteY265" fmla="*/ 9140991 h 9840984"/>
              <a:gd name="connsiteX266" fmla="*/ 3444909 w 5984417"/>
              <a:gd name="connsiteY266" fmla="*/ 9107668 h 9840984"/>
              <a:gd name="connsiteX267" fmla="*/ 3432916 w 5984417"/>
              <a:gd name="connsiteY267" fmla="*/ 9084884 h 9840984"/>
              <a:gd name="connsiteX268" fmla="*/ 3698046 w 5984417"/>
              <a:gd name="connsiteY268" fmla="*/ 7312331 h 9840984"/>
              <a:gd name="connsiteX269" fmla="*/ 499051 w 5984417"/>
              <a:gd name="connsiteY269" fmla="*/ 1948168 h 9840984"/>
              <a:gd name="connsiteX270" fmla="*/ 491949 w 5984417"/>
              <a:gd name="connsiteY270" fmla="*/ 1923558 h 9840984"/>
              <a:gd name="connsiteX271" fmla="*/ 516573 w 5984417"/>
              <a:gd name="connsiteY271" fmla="*/ 1916459 h 9840984"/>
              <a:gd name="connsiteX272" fmla="*/ 3734111 w 5984417"/>
              <a:gd name="connsiteY272" fmla="*/ 7312331 h 9840984"/>
              <a:gd name="connsiteX273" fmla="*/ 3467620 w 5984417"/>
              <a:gd name="connsiteY273" fmla="*/ 9095766 h 9840984"/>
              <a:gd name="connsiteX274" fmla="*/ 3450608 w 5984417"/>
              <a:gd name="connsiteY274" fmla="*/ 9108517 h 9840984"/>
              <a:gd name="connsiteX275" fmla="*/ 3445250 w 5984417"/>
              <a:gd name="connsiteY275" fmla="*/ 9107753 h 9840984"/>
              <a:gd name="connsiteX276" fmla="*/ 3348197 w 5984417"/>
              <a:gd name="connsiteY276" fmla="*/ 9074173 h 9840984"/>
              <a:gd name="connsiteX277" fmla="*/ 3336118 w 5984417"/>
              <a:gd name="connsiteY277" fmla="*/ 9051476 h 9840984"/>
              <a:gd name="connsiteX278" fmla="*/ 3595889 w 5984417"/>
              <a:gd name="connsiteY278" fmla="*/ 7306805 h 9840984"/>
              <a:gd name="connsiteX279" fmla="*/ 444698 w 5984417"/>
              <a:gd name="connsiteY279" fmla="*/ 2035219 h 9840984"/>
              <a:gd name="connsiteX280" fmla="*/ 435002 w 5984417"/>
              <a:gd name="connsiteY280" fmla="*/ 2011501 h 9840984"/>
              <a:gd name="connsiteX281" fmla="*/ 458733 w 5984417"/>
              <a:gd name="connsiteY281" fmla="*/ 2001810 h 9840984"/>
              <a:gd name="connsiteX282" fmla="*/ 461710 w 5984417"/>
              <a:gd name="connsiteY282" fmla="*/ 2003425 h 9840984"/>
              <a:gd name="connsiteX283" fmla="*/ 461710 w 5984417"/>
              <a:gd name="connsiteY283" fmla="*/ 2003425 h 9840984"/>
              <a:gd name="connsiteX284" fmla="*/ 3632040 w 5984417"/>
              <a:gd name="connsiteY284" fmla="*/ 7306805 h 9840984"/>
              <a:gd name="connsiteX285" fmla="*/ 3370823 w 5984417"/>
              <a:gd name="connsiteY285" fmla="*/ 9061762 h 9840984"/>
              <a:gd name="connsiteX286" fmla="*/ 3353811 w 5984417"/>
              <a:gd name="connsiteY286" fmla="*/ 9074513 h 9840984"/>
              <a:gd name="connsiteX287" fmla="*/ 3348452 w 5984417"/>
              <a:gd name="connsiteY287" fmla="*/ 9073748 h 9840984"/>
              <a:gd name="connsiteX288" fmla="*/ 3251569 w 5984417"/>
              <a:gd name="connsiteY288" fmla="*/ 9040849 h 9840984"/>
              <a:gd name="connsiteX289" fmla="*/ 3239321 w 5984417"/>
              <a:gd name="connsiteY289" fmla="*/ 9018492 h 9840984"/>
              <a:gd name="connsiteX290" fmla="*/ 3239321 w 5984417"/>
              <a:gd name="connsiteY290" fmla="*/ 9018492 h 9840984"/>
              <a:gd name="connsiteX291" fmla="*/ 3239321 w 5984417"/>
              <a:gd name="connsiteY291" fmla="*/ 9018492 h 9840984"/>
              <a:gd name="connsiteX292" fmla="*/ 3493563 w 5984417"/>
              <a:gd name="connsiteY292" fmla="*/ 7301279 h 9840984"/>
              <a:gd name="connsiteX293" fmla="*/ 390175 w 5984417"/>
              <a:gd name="connsiteY293" fmla="*/ 2122270 h 9840984"/>
              <a:gd name="connsiteX294" fmla="*/ 385643 w 5984417"/>
              <a:gd name="connsiteY294" fmla="*/ 2096945 h 9840984"/>
              <a:gd name="connsiteX295" fmla="*/ 407187 w 5984417"/>
              <a:gd name="connsiteY295" fmla="*/ 2090391 h 9840984"/>
              <a:gd name="connsiteX296" fmla="*/ 3529969 w 5984417"/>
              <a:gd name="connsiteY296" fmla="*/ 7301364 h 9840984"/>
              <a:gd name="connsiteX297" fmla="*/ 3274280 w 5984417"/>
              <a:gd name="connsiteY297" fmla="*/ 9028778 h 9840984"/>
              <a:gd name="connsiteX298" fmla="*/ 3256843 w 5984417"/>
              <a:gd name="connsiteY298" fmla="*/ 9041614 h 9840984"/>
              <a:gd name="connsiteX299" fmla="*/ 3251655 w 5984417"/>
              <a:gd name="connsiteY299" fmla="*/ 9040935 h 9840984"/>
              <a:gd name="connsiteX300" fmla="*/ 3154772 w 5984417"/>
              <a:gd name="connsiteY300" fmla="*/ 9007610 h 9840984"/>
              <a:gd name="connsiteX301" fmla="*/ 3142524 w 5984417"/>
              <a:gd name="connsiteY301" fmla="*/ 8985593 h 9840984"/>
              <a:gd name="connsiteX302" fmla="*/ 3142524 w 5984417"/>
              <a:gd name="connsiteY302" fmla="*/ 8985593 h 9840984"/>
              <a:gd name="connsiteX303" fmla="*/ 3391237 w 5984417"/>
              <a:gd name="connsiteY303" fmla="*/ 7296094 h 9840984"/>
              <a:gd name="connsiteX304" fmla="*/ 335823 w 5984417"/>
              <a:gd name="connsiteY304" fmla="*/ 2209321 h 9840984"/>
              <a:gd name="connsiteX305" fmla="*/ 328593 w 5984417"/>
              <a:gd name="connsiteY305" fmla="*/ 2184923 h 9840984"/>
              <a:gd name="connsiteX306" fmla="*/ 328593 w 5984417"/>
              <a:gd name="connsiteY306" fmla="*/ 2184923 h 9840984"/>
              <a:gd name="connsiteX307" fmla="*/ 353090 w 5984417"/>
              <a:gd name="connsiteY307" fmla="*/ 2177527 h 9840984"/>
              <a:gd name="connsiteX308" fmla="*/ 3427897 w 5984417"/>
              <a:gd name="connsiteY308" fmla="*/ 7296009 h 9840984"/>
              <a:gd name="connsiteX309" fmla="*/ 3177738 w 5984417"/>
              <a:gd name="connsiteY309" fmla="*/ 8995453 h 9840984"/>
              <a:gd name="connsiteX310" fmla="*/ 3160301 w 5984417"/>
              <a:gd name="connsiteY310" fmla="*/ 9008375 h 9840984"/>
              <a:gd name="connsiteX311" fmla="*/ 3155112 w 5984417"/>
              <a:gd name="connsiteY311" fmla="*/ 9007610 h 9840984"/>
              <a:gd name="connsiteX312" fmla="*/ 3057975 w 5984417"/>
              <a:gd name="connsiteY312" fmla="*/ 8974286 h 9840984"/>
              <a:gd name="connsiteX313" fmla="*/ 3045811 w 5984417"/>
              <a:gd name="connsiteY313" fmla="*/ 8951674 h 9840984"/>
              <a:gd name="connsiteX314" fmla="*/ 3289081 w 5984417"/>
              <a:gd name="connsiteY314" fmla="*/ 7290568 h 9840984"/>
              <a:gd name="connsiteX315" fmla="*/ 281555 w 5984417"/>
              <a:gd name="connsiteY315" fmla="*/ 2296286 h 9840984"/>
              <a:gd name="connsiteX316" fmla="*/ 274027 w 5984417"/>
              <a:gd name="connsiteY316" fmla="*/ 2271761 h 9840984"/>
              <a:gd name="connsiteX317" fmla="*/ 298567 w 5984417"/>
              <a:gd name="connsiteY317" fmla="*/ 2264238 h 9840984"/>
              <a:gd name="connsiteX318" fmla="*/ 298567 w 5984417"/>
              <a:gd name="connsiteY318" fmla="*/ 2264238 h 9840984"/>
              <a:gd name="connsiteX319" fmla="*/ 3324976 w 5984417"/>
              <a:gd name="connsiteY319" fmla="*/ 7290143 h 9840984"/>
              <a:gd name="connsiteX320" fmla="*/ 3080260 w 5984417"/>
              <a:gd name="connsiteY320" fmla="*/ 8961959 h 9840984"/>
              <a:gd name="connsiteX321" fmla="*/ 3063248 w 5984417"/>
              <a:gd name="connsiteY321" fmla="*/ 8974881 h 9840984"/>
              <a:gd name="connsiteX322" fmla="*/ 3057975 w 5984417"/>
              <a:gd name="connsiteY322" fmla="*/ 8974115 h 9840984"/>
              <a:gd name="connsiteX323" fmla="*/ 2961262 w 5984417"/>
              <a:gd name="connsiteY323" fmla="*/ 8940962 h 9840984"/>
              <a:gd name="connsiteX324" fmla="*/ 2949014 w 5984417"/>
              <a:gd name="connsiteY324" fmla="*/ 8918434 h 9840984"/>
              <a:gd name="connsiteX325" fmla="*/ 3186669 w 5984417"/>
              <a:gd name="connsiteY325" fmla="*/ 7285043 h 9840984"/>
              <a:gd name="connsiteX326" fmla="*/ 227202 w 5984417"/>
              <a:gd name="connsiteY326" fmla="*/ 2383337 h 9840984"/>
              <a:gd name="connsiteX327" fmla="*/ 221438 w 5984417"/>
              <a:gd name="connsiteY327" fmla="*/ 2358387 h 9840984"/>
              <a:gd name="connsiteX328" fmla="*/ 244214 w 5984417"/>
              <a:gd name="connsiteY328" fmla="*/ 2351458 h 9840984"/>
              <a:gd name="connsiteX329" fmla="*/ 244214 w 5984417"/>
              <a:gd name="connsiteY329" fmla="*/ 2351458 h 9840984"/>
              <a:gd name="connsiteX330" fmla="*/ 3222905 w 5984417"/>
              <a:gd name="connsiteY330" fmla="*/ 7285043 h 9840984"/>
              <a:gd name="connsiteX331" fmla="*/ 2983718 w 5984417"/>
              <a:gd name="connsiteY331" fmla="*/ 8928890 h 9840984"/>
              <a:gd name="connsiteX332" fmla="*/ 2966706 w 5984417"/>
              <a:gd name="connsiteY332" fmla="*/ 8941812 h 9840984"/>
              <a:gd name="connsiteX333" fmla="*/ 2961347 w 5984417"/>
              <a:gd name="connsiteY333" fmla="*/ 8941132 h 9840984"/>
              <a:gd name="connsiteX334" fmla="*/ 2864465 w 5984417"/>
              <a:gd name="connsiteY334" fmla="*/ 8907723 h 9840984"/>
              <a:gd name="connsiteX335" fmla="*/ 2852259 w 5984417"/>
              <a:gd name="connsiteY335" fmla="*/ 8885365 h 9840984"/>
              <a:gd name="connsiteX336" fmla="*/ 2852301 w 5984417"/>
              <a:gd name="connsiteY336" fmla="*/ 8885195 h 9840984"/>
              <a:gd name="connsiteX337" fmla="*/ 2852301 w 5984417"/>
              <a:gd name="connsiteY337" fmla="*/ 8885195 h 9840984"/>
              <a:gd name="connsiteX338" fmla="*/ 3084683 w 5984417"/>
              <a:gd name="connsiteY338" fmla="*/ 7279687 h 9840984"/>
              <a:gd name="connsiteX339" fmla="*/ 172764 w 5984417"/>
              <a:gd name="connsiteY339" fmla="*/ 2470473 h 9840984"/>
              <a:gd name="connsiteX340" fmla="*/ 165279 w 5984417"/>
              <a:gd name="connsiteY340" fmla="*/ 2446160 h 9840984"/>
              <a:gd name="connsiteX341" fmla="*/ 165279 w 5984417"/>
              <a:gd name="connsiteY341" fmla="*/ 2446160 h 9840984"/>
              <a:gd name="connsiteX342" fmla="*/ 189776 w 5984417"/>
              <a:gd name="connsiteY342" fmla="*/ 2438594 h 9840984"/>
              <a:gd name="connsiteX343" fmla="*/ 3120833 w 5984417"/>
              <a:gd name="connsiteY343" fmla="*/ 7279432 h 9840984"/>
              <a:gd name="connsiteX344" fmla="*/ 2887006 w 5984417"/>
              <a:gd name="connsiteY344" fmla="*/ 8895481 h 9840984"/>
              <a:gd name="connsiteX345" fmla="*/ 2864380 w 5984417"/>
              <a:gd name="connsiteY345" fmla="*/ 8907723 h 9840984"/>
              <a:gd name="connsiteX346" fmla="*/ 2767667 w 5984417"/>
              <a:gd name="connsiteY346" fmla="*/ 8874568 h 9840984"/>
              <a:gd name="connsiteX347" fmla="*/ 2755478 w 5984417"/>
              <a:gd name="connsiteY347" fmla="*/ 8852040 h 9840984"/>
              <a:gd name="connsiteX348" fmla="*/ 2755504 w 5984417"/>
              <a:gd name="connsiteY348" fmla="*/ 8851955 h 9840984"/>
              <a:gd name="connsiteX349" fmla="*/ 2982357 w 5984417"/>
              <a:gd name="connsiteY349" fmla="*/ 7274416 h 9840984"/>
              <a:gd name="connsiteX350" fmla="*/ 118326 w 5984417"/>
              <a:gd name="connsiteY350" fmla="*/ 2557609 h 9840984"/>
              <a:gd name="connsiteX351" fmla="*/ 110926 w 5984417"/>
              <a:gd name="connsiteY351" fmla="*/ 2533211 h 9840984"/>
              <a:gd name="connsiteX352" fmla="*/ 135338 w 5984417"/>
              <a:gd name="connsiteY352" fmla="*/ 2525815 h 9840984"/>
              <a:gd name="connsiteX353" fmla="*/ 135338 w 5984417"/>
              <a:gd name="connsiteY353" fmla="*/ 2525815 h 9840984"/>
              <a:gd name="connsiteX354" fmla="*/ 3018847 w 5984417"/>
              <a:gd name="connsiteY354" fmla="*/ 7274076 h 9840984"/>
              <a:gd name="connsiteX355" fmla="*/ 2789953 w 5984417"/>
              <a:gd name="connsiteY355" fmla="*/ 8862413 h 9840984"/>
              <a:gd name="connsiteX356" fmla="*/ 2772941 w 5984417"/>
              <a:gd name="connsiteY356" fmla="*/ 8875249 h 9840984"/>
              <a:gd name="connsiteX357" fmla="*/ 2767667 w 5984417"/>
              <a:gd name="connsiteY357" fmla="*/ 8874568 h 9840984"/>
              <a:gd name="connsiteX358" fmla="*/ 2670870 w 5984417"/>
              <a:gd name="connsiteY358" fmla="*/ 8841245 h 9840984"/>
              <a:gd name="connsiteX359" fmla="*/ 2658706 w 5984417"/>
              <a:gd name="connsiteY359" fmla="*/ 8818632 h 9840984"/>
              <a:gd name="connsiteX360" fmla="*/ 2879861 w 5984417"/>
              <a:gd name="connsiteY360" fmla="*/ 7268890 h 9840984"/>
              <a:gd name="connsiteX361" fmla="*/ 63718 w 5984417"/>
              <a:gd name="connsiteY361" fmla="*/ 2644319 h 9840984"/>
              <a:gd name="connsiteX362" fmla="*/ 57954 w 5984417"/>
              <a:gd name="connsiteY362" fmla="*/ 2619369 h 9840984"/>
              <a:gd name="connsiteX363" fmla="*/ 80730 w 5984417"/>
              <a:gd name="connsiteY363" fmla="*/ 2612441 h 9840984"/>
              <a:gd name="connsiteX364" fmla="*/ 80730 w 5984417"/>
              <a:gd name="connsiteY364" fmla="*/ 2612441 h 9840984"/>
              <a:gd name="connsiteX365" fmla="*/ 2916266 w 5984417"/>
              <a:gd name="connsiteY365" fmla="*/ 7268636 h 9840984"/>
              <a:gd name="connsiteX366" fmla="*/ 2693411 w 5984417"/>
              <a:gd name="connsiteY366" fmla="*/ 8829088 h 9840984"/>
              <a:gd name="connsiteX367" fmla="*/ 2676399 w 5984417"/>
              <a:gd name="connsiteY367" fmla="*/ 8842010 h 9840984"/>
              <a:gd name="connsiteX368" fmla="*/ 2671210 w 5984417"/>
              <a:gd name="connsiteY368" fmla="*/ 8841245 h 9840984"/>
              <a:gd name="connsiteX369" fmla="*/ 2574158 w 5984417"/>
              <a:gd name="connsiteY369" fmla="*/ 8807920 h 9840984"/>
              <a:gd name="connsiteX370" fmla="*/ 2561952 w 5984417"/>
              <a:gd name="connsiteY370" fmla="*/ 8785563 h 9840984"/>
              <a:gd name="connsiteX371" fmla="*/ 2561994 w 5984417"/>
              <a:gd name="connsiteY371" fmla="*/ 8785393 h 9840984"/>
              <a:gd name="connsiteX372" fmla="*/ 2561994 w 5984417"/>
              <a:gd name="connsiteY372" fmla="*/ 8785393 h 9840984"/>
              <a:gd name="connsiteX373" fmla="*/ 2777789 w 5984417"/>
              <a:gd name="connsiteY373" fmla="*/ 7263705 h 9840984"/>
              <a:gd name="connsiteX374" fmla="*/ 9535 w 5984417"/>
              <a:gd name="connsiteY374" fmla="*/ 2731625 h 9840984"/>
              <a:gd name="connsiteX375" fmla="*/ 2135 w 5984417"/>
              <a:gd name="connsiteY375" fmla="*/ 2707227 h 9840984"/>
              <a:gd name="connsiteX376" fmla="*/ 26547 w 5984417"/>
              <a:gd name="connsiteY376" fmla="*/ 2699831 h 9840984"/>
              <a:gd name="connsiteX377" fmla="*/ 2813940 w 5984417"/>
              <a:gd name="connsiteY377" fmla="*/ 7263110 h 9840984"/>
              <a:gd name="connsiteX378" fmla="*/ 2596698 w 5984417"/>
              <a:gd name="connsiteY378" fmla="*/ 8795764 h 9840984"/>
              <a:gd name="connsiteX379" fmla="*/ 2579686 w 5984417"/>
              <a:gd name="connsiteY379" fmla="*/ 8808685 h 9840984"/>
              <a:gd name="connsiteX380" fmla="*/ 2574072 w 5984417"/>
              <a:gd name="connsiteY380" fmla="*/ 8807920 h 9840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 ang="0">
                <a:pos x="connsiteX278" y="connsiteY278"/>
              </a:cxn>
              <a:cxn ang="0">
                <a:pos x="connsiteX279" y="connsiteY279"/>
              </a:cxn>
              <a:cxn ang="0">
                <a:pos x="connsiteX280" y="connsiteY280"/>
              </a:cxn>
              <a:cxn ang="0">
                <a:pos x="connsiteX281" y="connsiteY281"/>
              </a:cxn>
              <a:cxn ang="0">
                <a:pos x="connsiteX282" y="connsiteY282"/>
              </a:cxn>
              <a:cxn ang="0">
                <a:pos x="connsiteX283" y="connsiteY283"/>
              </a:cxn>
              <a:cxn ang="0">
                <a:pos x="connsiteX284" y="connsiteY284"/>
              </a:cxn>
              <a:cxn ang="0">
                <a:pos x="connsiteX285" y="connsiteY285"/>
              </a:cxn>
              <a:cxn ang="0">
                <a:pos x="connsiteX286" y="connsiteY286"/>
              </a:cxn>
              <a:cxn ang="0">
                <a:pos x="connsiteX287" y="connsiteY287"/>
              </a:cxn>
              <a:cxn ang="0">
                <a:pos x="connsiteX288" y="connsiteY288"/>
              </a:cxn>
              <a:cxn ang="0">
                <a:pos x="connsiteX289" y="connsiteY289"/>
              </a:cxn>
              <a:cxn ang="0">
                <a:pos x="connsiteX290" y="connsiteY290"/>
              </a:cxn>
              <a:cxn ang="0">
                <a:pos x="connsiteX291" y="connsiteY291"/>
              </a:cxn>
              <a:cxn ang="0">
                <a:pos x="connsiteX292" y="connsiteY292"/>
              </a:cxn>
              <a:cxn ang="0">
                <a:pos x="connsiteX293" y="connsiteY293"/>
              </a:cxn>
              <a:cxn ang="0">
                <a:pos x="connsiteX294" y="connsiteY294"/>
              </a:cxn>
              <a:cxn ang="0">
                <a:pos x="connsiteX295" y="connsiteY295"/>
              </a:cxn>
              <a:cxn ang="0">
                <a:pos x="connsiteX296" y="connsiteY296"/>
              </a:cxn>
              <a:cxn ang="0">
                <a:pos x="connsiteX297" y="connsiteY297"/>
              </a:cxn>
              <a:cxn ang="0">
                <a:pos x="connsiteX298" y="connsiteY298"/>
              </a:cxn>
              <a:cxn ang="0">
                <a:pos x="connsiteX299" y="connsiteY299"/>
              </a:cxn>
              <a:cxn ang="0">
                <a:pos x="connsiteX300" y="connsiteY300"/>
              </a:cxn>
              <a:cxn ang="0">
                <a:pos x="connsiteX301" y="connsiteY301"/>
              </a:cxn>
              <a:cxn ang="0">
                <a:pos x="connsiteX302" y="connsiteY302"/>
              </a:cxn>
              <a:cxn ang="0">
                <a:pos x="connsiteX303" y="connsiteY303"/>
              </a:cxn>
              <a:cxn ang="0">
                <a:pos x="connsiteX304" y="connsiteY304"/>
              </a:cxn>
              <a:cxn ang="0">
                <a:pos x="connsiteX305" y="connsiteY305"/>
              </a:cxn>
              <a:cxn ang="0">
                <a:pos x="connsiteX306" y="connsiteY306"/>
              </a:cxn>
              <a:cxn ang="0">
                <a:pos x="connsiteX307" y="connsiteY307"/>
              </a:cxn>
              <a:cxn ang="0">
                <a:pos x="connsiteX308" y="connsiteY308"/>
              </a:cxn>
              <a:cxn ang="0">
                <a:pos x="connsiteX309" y="connsiteY309"/>
              </a:cxn>
              <a:cxn ang="0">
                <a:pos x="connsiteX310" y="connsiteY310"/>
              </a:cxn>
              <a:cxn ang="0">
                <a:pos x="connsiteX311" y="connsiteY311"/>
              </a:cxn>
              <a:cxn ang="0">
                <a:pos x="connsiteX312" y="connsiteY312"/>
              </a:cxn>
              <a:cxn ang="0">
                <a:pos x="connsiteX313" y="connsiteY313"/>
              </a:cxn>
              <a:cxn ang="0">
                <a:pos x="connsiteX314" y="connsiteY314"/>
              </a:cxn>
              <a:cxn ang="0">
                <a:pos x="connsiteX315" y="connsiteY315"/>
              </a:cxn>
              <a:cxn ang="0">
                <a:pos x="connsiteX316" y="connsiteY316"/>
              </a:cxn>
              <a:cxn ang="0">
                <a:pos x="connsiteX317" y="connsiteY317"/>
              </a:cxn>
              <a:cxn ang="0">
                <a:pos x="connsiteX318" y="connsiteY318"/>
              </a:cxn>
              <a:cxn ang="0">
                <a:pos x="connsiteX319" y="connsiteY319"/>
              </a:cxn>
              <a:cxn ang="0">
                <a:pos x="connsiteX320" y="connsiteY320"/>
              </a:cxn>
              <a:cxn ang="0">
                <a:pos x="connsiteX321" y="connsiteY321"/>
              </a:cxn>
              <a:cxn ang="0">
                <a:pos x="connsiteX322" y="connsiteY322"/>
              </a:cxn>
              <a:cxn ang="0">
                <a:pos x="connsiteX323" y="connsiteY323"/>
              </a:cxn>
              <a:cxn ang="0">
                <a:pos x="connsiteX324" y="connsiteY324"/>
              </a:cxn>
              <a:cxn ang="0">
                <a:pos x="connsiteX325" y="connsiteY325"/>
              </a:cxn>
              <a:cxn ang="0">
                <a:pos x="connsiteX326" y="connsiteY326"/>
              </a:cxn>
              <a:cxn ang="0">
                <a:pos x="connsiteX327" y="connsiteY327"/>
              </a:cxn>
              <a:cxn ang="0">
                <a:pos x="connsiteX328" y="connsiteY328"/>
              </a:cxn>
              <a:cxn ang="0">
                <a:pos x="connsiteX329" y="connsiteY329"/>
              </a:cxn>
              <a:cxn ang="0">
                <a:pos x="connsiteX330" y="connsiteY330"/>
              </a:cxn>
              <a:cxn ang="0">
                <a:pos x="connsiteX331" y="connsiteY331"/>
              </a:cxn>
              <a:cxn ang="0">
                <a:pos x="connsiteX332" y="connsiteY332"/>
              </a:cxn>
              <a:cxn ang="0">
                <a:pos x="connsiteX333" y="connsiteY333"/>
              </a:cxn>
              <a:cxn ang="0">
                <a:pos x="connsiteX334" y="connsiteY334"/>
              </a:cxn>
              <a:cxn ang="0">
                <a:pos x="connsiteX335" y="connsiteY335"/>
              </a:cxn>
              <a:cxn ang="0">
                <a:pos x="connsiteX336" y="connsiteY336"/>
              </a:cxn>
              <a:cxn ang="0">
                <a:pos x="connsiteX337" y="connsiteY337"/>
              </a:cxn>
              <a:cxn ang="0">
                <a:pos x="connsiteX338" y="connsiteY338"/>
              </a:cxn>
              <a:cxn ang="0">
                <a:pos x="connsiteX339" y="connsiteY339"/>
              </a:cxn>
              <a:cxn ang="0">
                <a:pos x="connsiteX340" y="connsiteY340"/>
              </a:cxn>
              <a:cxn ang="0">
                <a:pos x="connsiteX341" y="connsiteY341"/>
              </a:cxn>
              <a:cxn ang="0">
                <a:pos x="connsiteX342" y="connsiteY342"/>
              </a:cxn>
              <a:cxn ang="0">
                <a:pos x="connsiteX343" y="connsiteY343"/>
              </a:cxn>
              <a:cxn ang="0">
                <a:pos x="connsiteX344" y="connsiteY344"/>
              </a:cxn>
              <a:cxn ang="0">
                <a:pos x="connsiteX345" y="connsiteY345"/>
              </a:cxn>
              <a:cxn ang="0">
                <a:pos x="connsiteX346" y="connsiteY346"/>
              </a:cxn>
              <a:cxn ang="0">
                <a:pos x="connsiteX347" y="connsiteY347"/>
              </a:cxn>
              <a:cxn ang="0">
                <a:pos x="connsiteX348" y="connsiteY348"/>
              </a:cxn>
              <a:cxn ang="0">
                <a:pos x="connsiteX349" y="connsiteY349"/>
              </a:cxn>
              <a:cxn ang="0">
                <a:pos x="connsiteX350" y="connsiteY350"/>
              </a:cxn>
              <a:cxn ang="0">
                <a:pos x="connsiteX351" y="connsiteY351"/>
              </a:cxn>
              <a:cxn ang="0">
                <a:pos x="connsiteX352" y="connsiteY352"/>
              </a:cxn>
              <a:cxn ang="0">
                <a:pos x="connsiteX353" y="connsiteY353"/>
              </a:cxn>
              <a:cxn ang="0">
                <a:pos x="connsiteX354" y="connsiteY354"/>
              </a:cxn>
              <a:cxn ang="0">
                <a:pos x="connsiteX355" y="connsiteY355"/>
              </a:cxn>
              <a:cxn ang="0">
                <a:pos x="connsiteX356" y="connsiteY356"/>
              </a:cxn>
              <a:cxn ang="0">
                <a:pos x="connsiteX357" y="connsiteY357"/>
              </a:cxn>
              <a:cxn ang="0">
                <a:pos x="connsiteX358" y="connsiteY358"/>
              </a:cxn>
              <a:cxn ang="0">
                <a:pos x="connsiteX359" y="connsiteY359"/>
              </a:cxn>
              <a:cxn ang="0">
                <a:pos x="connsiteX360" y="connsiteY360"/>
              </a:cxn>
              <a:cxn ang="0">
                <a:pos x="connsiteX361" y="connsiteY361"/>
              </a:cxn>
              <a:cxn ang="0">
                <a:pos x="connsiteX362" y="connsiteY362"/>
              </a:cxn>
              <a:cxn ang="0">
                <a:pos x="connsiteX363" y="connsiteY363"/>
              </a:cxn>
              <a:cxn ang="0">
                <a:pos x="connsiteX364" y="connsiteY364"/>
              </a:cxn>
              <a:cxn ang="0">
                <a:pos x="connsiteX365" y="connsiteY365"/>
              </a:cxn>
              <a:cxn ang="0">
                <a:pos x="connsiteX366" y="connsiteY366"/>
              </a:cxn>
              <a:cxn ang="0">
                <a:pos x="connsiteX367" y="connsiteY367"/>
              </a:cxn>
              <a:cxn ang="0">
                <a:pos x="connsiteX368" y="connsiteY368"/>
              </a:cxn>
              <a:cxn ang="0">
                <a:pos x="connsiteX369" y="connsiteY369"/>
              </a:cxn>
              <a:cxn ang="0">
                <a:pos x="connsiteX370" y="connsiteY370"/>
              </a:cxn>
              <a:cxn ang="0">
                <a:pos x="connsiteX371" y="connsiteY371"/>
              </a:cxn>
              <a:cxn ang="0">
                <a:pos x="connsiteX372" y="connsiteY372"/>
              </a:cxn>
              <a:cxn ang="0">
                <a:pos x="connsiteX373" y="connsiteY373"/>
              </a:cxn>
              <a:cxn ang="0">
                <a:pos x="connsiteX374" y="connsiteY374"/>
              </a:cxn>
              <a:cxn ang="0">
                <a:pos x="connsiteX375" y="connsiteY375"/>
              </a:cxn>
              <a:cxn ang="0">
                <a:pos x="connsiteX376" y="connsiteY376"/>
              </a:cxn>
              <a:cxn ang="0">
                <a:pos x="connsiteX377" y="connsiteY377"/>
              </a:cxn>
              <a:cxn ang="0">
                <a:pos x="connsiteX378" y="connsiteY378"/>
              </a:cxn>
              <a:cxn ang="0">
                <a:pos x="connsiteX379" y="connsiteY379"/>
              </a:cxn>
              <a:cxn ang="0">
                <a:pos x="connsiteX380" y="connsiteY380"/>
              </a:cxn>
            </a:cxnLst>
            <a:rect l="l" t="t" r="r" b="b"/>
            <a:pathLst>
              <a:path w="5984417" h="9840984">
                <a:moveTo>
                  <a:pt x="5573773" y="9840118"/>
                </a:moveTo>
                <a:cubicBezTo>
                  <a:pt x="5564315" y="9837142"/>
                  <a:pt x="5559058" y="9827111"/>
                  <a:pt x="5562018" y="9817675"/>
                </a:cubicBezTo>
                <a:cubicBezTo>
                  <a:pt x="5562026" y="9817590"/>
                  <a:pt x="5562035" y="9817590"/>
                  <a:pt x="5562035" y="9817590"/>
                </a:cubicBezTo>
                <a:lnTo>
                  <a:pt x="5562035" y="9817590"/>
                </a:lnTo>
                <a:cubicBezTo>
                  <a:pt x="5806181" y="9045439"/>
                  <a:pt x="5936108" y="8241802"/>
                  <a:pt x="5947693" y="7432111"/>
                </a:cubicBezTo>
                <a:cubicBezTo>
                  <a:pt x="5988352" y="4375082"/>
                  <a:pt x="4358489" y="1538962"/>
                  <a:pt x="1695920" y="33647"/>
                </a:cubicBezTo>
                <a:cubicBezTo>
                  <a:pt x="1687381" y="28345"/>
                  <a:pt x="1684761" y="17128"/>
                  <a:pt x="1690068" y="8594"/>
                </a:cubicBezTo>
                <a:cubicBezTo>
                  <a:pt x="1695036" y="600"/>
                  <a:pt x="1705285" y="-2286"/>
                  <a:pt x="1713698" y="1938"/>
                </a:cubicBezTo>
                <a:cubicBezTo>
                  <a:pt x="4387638" y="1513858"/>
                  <a:pt x="6024460" y="4362186"/>
                  <a:pt x="5983673" y="7432366"/>
                </a:cubicBezTo>
                <a:cubicBezTo>
                  <a:pt x="5972191" y="8245602"/>
                  <a:pt x="5841897" y="9052835"/>
                  <a:pt x="5596909" y="9828387"/>
                </a:cubicBezTo>
                <a:cubicBezTo>
                  <a:pt x="5594536" y="9835783"/>
                  <a:pt x="5587689" y="9840883"/>
                  <a:pt x="5579897" y="9840968"/>
                </a:cubicBezTo>
                <a:cubicBezTo>
                  <a:pt x="5577822" y="9841053"/>
                  <a:pt x="5575738" y="9840798"/>
                  <a:pt x="5573773" y="9840118"/>
                </a:cubicBezTo>
                <a:close/>
                <a:moveTo>
                  <a:pt x="5477060" y="9806794"/>
                </a:moveTo>
                <a:cubicBezTo>
                  <a:pt x="5467628" y="9803904"/>
                  <a:pt x="5462311" y="9793957"/>
                  <a:pt x="5465186" y="9784521"/>
                </a:cubicBezTo>
                <a:cubicBezTo>
                  <a:pt x="5465203" y="9784436"/>
                  <a:pt x="5465220" y="9784436"/>
                  <a:pt x="5465237" y="9784351"/>
                </a:cubicBezTo>
                <a:lnTo>
                  <a:pt x="5465237" y="9784351"/>
                </a:lnTo>
                <a:cubicBezTo>
                  <a:pt x="5706193" y="9021126"/>
                  <a:pt x="5834250" y="8226874"/>
                  <a:pt x="5845367" y="7426670"/>
                </a:cubicBezTo>
                <a:cubicBezTo>
                  <a:pt x="5883746" y="4406910"/>
                  <a:pt x="4272366" y="1606273"/>
                  <a:pt x="1641653" y="120443"/>
                </a:cubicBezTo>
                <a:cubicBezTo>
                  <a:pt x="1632798" y="115790"/>
                  <a:pt x="1629387" y="104842"/>
                  <a:pt x="1634040" y="95990"/>
                </a:cubicBezTo>
                <a:cubicBezTo>
                  <a:pt x="1638701" y="87138"/>
                  <a:pt x="1649657" y="83733"/>
                  <a:pt x="1658511" y="88386"/>
                </a:cubicBezTo>
                <a:cubicBezTo>
                  <a:pt x="1658826" y="88549"/>
                  <a:pt x="1659132" y="88722"/>
                  <a:pt x="1659430" y="88904"/>
                </a:cubicBezTo>
                <a:lnTo>
                  <a:pt x="1659430" y="88904"/>
                </a:lnTo>
                <a:cubicBezTo>
                  <a:pt x="4301780" y="1581093"/>
                  <a:pt x="5920330" y="4393997"/>
                  <a:pt x="5881773" y="7427010"/>
                </a:cubicBezTo>
                <a:cubicBezTo>
                  <a:pt x="5870655" y="8230750"/>
                  <a:pt x="5741995" y="9028522"/>
                  <a:pt x="5499857" y="9795062"/>
                </a:cubicBezTo>
                <a:cubicBezTo>
                  <a:pt x="5496947" y="9804498"/>
                  <a:pt x="5486953" y="9809769"/>
                  <a:pt x="5477520" y="9806879"/>
                </a:cubicBezTo>
                <a:cubicBezTo>
                  <a:pt x="5477452" y="9806879"/>
                  <a:pt x="5477384" y="9806794"/>
                  <a:pt x="5477316" y="9806794"/>
                </a:cubicBezTo>
                <a:close/>
                <a:moveTo>
                  <a:pt x="5380263" y="9773469"/>
                </a:moveTo>
                <a:cubicBezTo>
                  <a:pt x="5370830" y="9770579"/>
                  <a:pt x="5365514" y="9760633"/>
                  <a:pt x="5368389" y="9751197"/>
                </a:cubicBezTo>
                <a:cubicBezTo>
                  <a:pt x="5368406" y="9751112"/>
                  <a:pt x="5368423" y="9751112"/>
                  <a:pt x="5368440" y="9751026"/>
                </a:cubicBezTo>
                <a:lnTo>
                  <a:pt x="5368440" y="9751026"/>
                </a:lnTo>
                <a:cubicBezTo>
                  <a:pt x="5606121" y="8996984"/>
                  <a:pt x="5732213" y="8212252"/>
                  <a:pt x="5742701" y="7421740"/>
                </a:cubicBezTo>
                <a:cubicBezTo>
                  <a:pt x="5779302" y="4439053"/>
                  <a:pt x="4186286" y="1673576"/>
                  <a:pt x="1587045" y="207493"/>
                </a:cubicBezTo>
                <a:cubicBezTo>
                  <a:pt x="1578334" y="202564"/>
                  <a:pt x="1575264" y="191506"/>
                  <a:pt x="1580197" y="182798"/>
                </a:cubicBezTo>
                <a:cubicBezTo>
                  <a:pt x="1585131" y="174089"/>
                  <a:pt x="1596197" y="171025"/>
                  <a:pt x="1604907" y="175955"/>
                </a:cubicBezTo>
                <a:lnTo>
                  <a:pt x="1604907" y="175955"/>
                </a:lnTo>
                <a:cubicBezTo>
                  <a:pt x="4215410" y="1648302"/>
                  <a:pt x="5815562" y="4425494"/>
                  <a:pt x="5779361" y="7421059"/>
                </a:cubicBezTo>
                <a:cubicBezTo>
                  <a:pt x="5768840" y="8215347"/>
                  <a:pt x="5642067" y="9003785"/>
                  <a:pt x="5403059" y="9761399"/>
                </a:cubicBezTo>
                <a:cubicBezTo>
                  <a:pt x="5400686" y="9768794"/>
                  <a:pt x="5393830" y="9773895"/>
                  <a:pt x="5386047" y="9773980"/>
                </a:cubicBezTo>
                <a:cubicBezTo>
                  <a:pt x="5384167" y="9773980"/>
                  <a:pt x="5382296" y="9773640"/>
                  <a:pt x="5380518" y="9773045"/>
                </a:cubicBezTo>
                <a:close/>
                <a:moveTo>
                  <a:pt x="5283466" y="9740231"/>
                </a:moveTo>
                <a:cubicBezTo>
                  <a:pt x="5274024" y="9737255"/>
                  <a:pt x="5268750" y="9727139"/>
                  <a:pt x="5271642" y="9717703"/>
                </a:cubicBezTo>
                <a:lnTo>
                  <a:pt x="5271642" y="9717703"/>
                </a:lnTo>
                <a:cubicBezTo>
                  <a:pt x="5506321" y="8972501"/>
                  <a:pt x="5630686" y="8196976"/>
                  <a:pt x="5640799" y="7415789"/>
                </a:cubicBezTo>
                <a:cubicBezTo>
                  <a:pt x="5674704" y="4470549"/>
                  <a:pt x="4099891" y="1740938"/>
                  <a:pt x="1532437" y="294799"/>
                </a:cubicBezTo>
                <a:cubicBezTo>
                  <a:pt x="1523726" y="289869"/>
                  <a:pt x="1520656" y="278813"/>
                  <a:pt x="1525589" y="270104"/>
                </a:cubicBezTo>
                <a:cubicBezTo>
                  <a:pt x="1530523" y="261394"/>
                  <a:pt x="1541589" y="258331"/>
                  <a:pt x="1550299" y="263260"/>
                </a:cubicBezTo>
                <a:lnTo>
                  <a:pt x="1550299" y="263260"/>
                </a:lnTo>
                <a:cubicBezTo>
                  <a:pt x="4129296" y="1715750"/>
                  <a:pt x="5711212" y="4457559"/>
                  <a:pt x="5677120" y="7415959"/>
                </a:cubicBezTo>
                <a:cubicBezTo>
                  <a:pt x="5667083" y="8200682"/>
                  <a:pt x="5542139" y="8979726"/>
                  <a:pt x="5306262" y="9728244"/>
                </a:cubicBezTo>
                <a:cubicBezTo>
                  <a:pt x="5303889" y="9735640"/>
                  <a:pt x="5297033" y="9740741"/>
                  <a:pt x="5289250" y="9740826"/>
                </a:cubicBezTo>
                <a:cubicBezTo>
                  <a:pt x="5287404" y="9740826"/>
                  <a:pt x="5285558" y="9740570"/>
                  <a:pt x="5283806" y="9739976"/>
                </a:cubicBezTo>
                <a:close/>
                <a:moveTo>
                  <a:pt x="5186754" y="9706906"/>
                </a:moveTo>
                <a:cubicBezTo>
                  <a:pt x="5177320" y="9703931"/>
                  <a:pt x="5172072" y="9693900"/>
                  <a:pt x="5175015" y="9684464"/>
                </a:cubicBezTo>
                <a:lnTo>
                  <a:pt x="5175015" y="9684464"/>
                </a:lnTo>
                <a:cubicBezTo>
                  <a:pt x="5406640" y="8948273"/>
                  <a:pt x="5529202" y="8182124"/>
                  <a:pt x="5538813" y="7410433"/>
                </a:cubicBezTo>
                <a:cubicBezTo>
                  <a:pt x="5570728" y="4502309"/>
                  <a:pt x="4014254" y="1807952"/>
                  <a:pt x="1478339" y="381510"/>
                </a:cubicBezTo>
                <a:cubicBezTo>
                  <a:pt x="1469901" y="376135"/>
                  <a:pt x="1467417" y="364941"/>
                  <a:pt x="1472801" y="356508"/>
                </a:cubicBezTo>
                <a:cubicBezTo>
                  <a:pt x="1477794" y="348680"/>
                  <a:pt x="1487899" y="345893"/>
                  <a:pt x="1496201" y="350056"/>
                </a:cubicBezTo>
                <a:cubicBezTo>
                  <a:pt x="4043454" y="1782985"/>
                  <a:pt x="5606912" y="4489413"/>
                  <a:pt x="5574964" y="7410603"/>
                </a:cubicBezTo>
                <a:cubicBezTo>
                  <a:pt x="5565344" y="8185890"/>
                  <a:pt x="5442110" y="8955584"/>
                  <a:pt x="5209209" y="9695175"/>
                </a:cubicBezTo>
                <a:cubicBezTo>
                  <a:pt x="5206929" y="9702656"/>
                  <a:pt x="5200023" y="9707756"/>
                  <a:pt x="5192197" y="9707756"/>
                </a:cubicBezTo>
                <a:cubicBezTo>
                  <a:pt x="5190351" y="9707756"/>
                  <a:pt x="5188514" y="9707501"/>
                  <a:pt x="5186754" y="9706906"/>
                </a:cubicBezTo>
                <a:close/>
                <a:moveTo>
                  <a:pt x="5090041" y="9673837"/>
                </a:moveTo>
                <a:cubicBezTo>
                  <a:pt x="5080608" y="9670947"/>
                  <a:pt x="5075292" y="9661001"/>
                  <a:pt x="5078166" y="9651565"/>
                </a:cubicBezTo>
                <a:cubicBezTo>
                  <a:pt x="5078184" y="9651479"/>
                  <a:pt x="5078201" y="9651479"/>
                  <a:pt x="5078218" y="9651394"/>
                </a:cubicBezTo>
                <a:lnTo>
                  <a:pt x="5078218" y="9651394"/>
                </a:lnTo>
                <a:cubicBezTo>
                  <a:pt x="5306704" y="8924214"/>
                  <a:pt x="5427377" y="8167486"/>
                  <a:pt x="5436402" y="7405333"/>
                </a:cubicBezTo>
                <a:cubicBezTo>
                  <a:pt x="5466360" y="4534350"/>
                  <a:pt x="3928293" y="1875272"/>
                  <a:pt x="1423986" y="468476"/>
                </a:cubicBezTo>
                <a:cubicBezTo>
                  <a:pt x="1415284" y="463565"/>
                  <a:pt x="1412171" y="452560"/>
                  <a:pt x="1417011" y="443823"/>
                </a:cubicBezTo>
                <a:cubicBezTo>
                  <a:pt x="1421664" y="435180"/>
                  <a:pt x="1432441" y="431943"/>
                  <a:pt x="1441091" y="436592"/>
                </a:cubicBezTo>
                <a:cubicBezTo>
                  <a:pt x="1441142" y="436621"/>
                  <a:pt x="1441202" y="436651"/>
                  <a:pt x="1441253" y="436682"/>
                </a:cubicBezTo>
                <a:lnTo>
                  <a:pt x="1441253" y="436682"/>
                </a:lnTo>
                <a:cubicBezTo>
                  <a:pt x="3957315" y="1849607"/>
                  <a:pt x="5502825" y="4520765"/>
                  <a:pt x="5473063" y="7404992"/>
                </a:cubicBezTo>
                <a:cubicBezTo>
                  <a:pt x="5464038" y="8170733"/>
                  <a:pt x="5342760" y="8931016"/>
                  <a:pt x="5113092" y="9661596"/>
                </a:cubicBezTo>
                <a:cubicBezTo>
                  <a:pt x="5110761" y="9669076"/>
                  <a:pt x="5103889" y="9674093"/>
                  <a:pt x="5096080" y="9674178"/>
                </a:cubicBezTo>
                <a:cubicBezTo>
                  <a:pt x="5094200" y="9674178"/>
                  <a:pt x="5092337" y="9673922"/>
                  <a:pt x="5090551" y="9673327"/>
                </a:cubicBezTo>
                <a:close/>
                <a:moveTo>
                  <a:pt x="4992903" y="9639833"/>
                </a:moveTo>
                <a:cubicBezTo>
                  <a:pt x="4983462" y="9636858"/>
                  <a:pt x="4978188" y="9626741"/>
                  <a:pt x="4981080" y="9617305"/>
                </a:cubicBezTo>
                <a:lnTo>
                  <a:pt x="4981080" y="9617305"/>
                </a:lnTo>
                <a:cubicBezTo>
                  <a:pt x="5206478" y="8899137"/>
                  <a:pt x="5325323" y="8151776"/>
                  <a:pt x="5333821" y="7399127"/>
                </a:cubicBezTo>
                <a:cubicBezTo>
                  <a:pt x="5361320" y="4565778"/>
                  <a:pt x="3841736" y="1942609"/>
                  <a:pt x="1369463" y="555696"/>
                </a:cubicBezTo>
                <a:cubicBezTo>
                  <a:pt x="1361025" y="550324"/>
                  <a:pt x="1358541" y="539131"/>
                  <a:pt x="1363917" y="530697"/>
                </a:cubicBezTo>
                <a:cubicBezTo>
                  <a:pt x="1368867" y="522923"/>
                  <a:pt x="1378870" y="520108"/>
                  <a:pt x="1387155" y="524158"/>
                </a:cubicBezTo>
                <a:cubicBezTo>
                  <a:pt x="3871073" y="1917582"/>
                  <a:pt x="5397811" y="4553111"/>
                  <a:pt x="5370141" y="7399807"/>
                </a:cubicBezTo>
                <a:cubicBezTo>
                  <a:pt x="5361720" y="8156069"/>
                  <a:pt x="5242297" y="8907043"/>
                  <a:pt x="5015699" y="9628612"/>
                </a:cubicBezTo>
                <a:cubicBezTo>
                  <a:pt x="5013326" y="9636008"/>
                  <a:pt x="5006470" y="9641108"/>
                  <a:pt x="4998687" y="9641194"/>
                </a:cubicBezTo>
                <a:cubicBezTo>
                  <a:pt x="4996841" y="9641194"/>
                  <a:pt x="4994996" y="9640938"/>
                  <a:pt x="4993244" y="9640344"/>
                </a:cubicBezTo>
                <a:close/>
                <a:moveTo>
                  <a:pt x="4896276" y="9606509"/>
                </a:moveTo>
                <a:cubicBezTo>
                  <a:pt x="4886817" y="9603704"/>
                  <a:pt x="4881424" y="9593757"/>
                  <a:pt x="4884231" y="9584321"/>
                </a:cubicBezTo>
                <a:cubicBezTo>
                  <a:pt x="4884248" y="9584236"/>
                  <a:pt x="4884266" y="9584236"/>
                  <a:pt x="4884282" y="9584151"/>
                </a:cubicBezTo>
                <a:lnTo>
                  <a:pt x="4884282" y="9584151"/>
                </a:lnTo>
                <a:cubicBezTo>
                  <a:pt x="5106712" y="8874824"/>
                  <a:pt x="5223839" y="8136729"/>
                  <a:pt x="5231920" y="7393431"/>
                </a:cubicBezTo>
                <a:cubicBezTo>
                  <a:pt x="5257131" y="4597376"/>
                  <a:pt x="3755809" y="2009776"/>
                  <a:pt x="1315195" y="642746"/>
                </a:cubicBezTo>
                <a:cubicBezTo>
                  <a:pt x="1306519" y="637901"/>
                  <a:pt x="1303372" y="626979"/>
                  <a:pt x="1308135" y="618263"/>
                </a:cubicBezTo>
                <a:lnTo>
                  <a:pt x="1308135" y="618264"/>
                </a:lnTo>
                <a:cubicBezTo>
                  <a:pt x="1312720" y="609657"/>
                  <a:pt x="1323412" y="606386"/>
                  <a:pt x="1332037" y="610953"/>
                </a:cubicBezTo>
                <a:lnTo>
                  <a:pt x="1332802" y="610953"/>
                </a:lnTo>
                <a:cubicBezTo>
                  <a:pt x="3785232" y="1984544"/>
                  <a:pt x="5293732" y="4584726"/>
                  <a:pt x="5268155" y="7394281"/>
                </a:cubicBezTo>
                <a:cubicBezTo>
                  <a:pt x="5260261" y="8140996"/>
                  <a:pt x="5142769" y="8882475"/>
                  <a:pt x="4919412" y="9595117"/>
                </a:cubicBezTo>
                <a:cubicBezTo>
                  <a:pt x="4917217" y="9602684"/>
                  <a:pt x="4910277" y="9607869"/>
                  <a:pt x="4902400" y="9607869"/>
                </a:cubicBezTo>
                <a:cubicBezTo>
                  <a:pt x="4900580" y="9607954"/>
                  <a:pt x="4898760" y="9607614"/>
                  <a:pt x="4897041" y="9607019"/>
                </a:cubicBezTo>
                <a:close/>
                <a:moveTo>
                  <a:pt x="4799478" y="9573185"/>
                </a:moveTo>
                <a:cubicBezTo>
                  <a:pt x="4790028" y="9570294"/>
                  <a:pt x="4784678" y="9560348"/>
                  <a:pt x="4787485" y="9550912"/>
                </a:cubicBezTo>
                <a:lnTo>
                  <a:pt x="4787485" y="9550912"/>
                </a:lnTo>
                <a:cubicBezTo>
                  <a:pt x="5006504" y="8850766"/>
                  <a:pt x="5121590" y="8122285"/>
                  <a:pt x="5129083" y="7388755"/>
                </a:cubicBezTo>
                <a:cubicBezTo>
                  <a:pt x="5152398" y="4629808"/>
                  <a:pt x="3669653" y="2077376"/>
                  <a:pt x="1260757" y="729713"/>
                </a:cubicBezTo>
                <a:cubicBezTo>
                  <a:pt x="1252021" y="724901"/>
                  <a:pt x="1248840" y="713921"/>
                  <a:pt x="1253655" y="705187"/>
                </a:cubicBezTo>
                <a:cubicBezTo>
                  <a:pt x="1258469" y="696455"/>
                  <a:pt x="1269459" y="693277"/>
                  <a:pt x="1278194" y="698089"/>
                </a:cubicBezTo>
                <a:lnTo>
                  <a:pt x="1278194" y="698089"/>
                </a:lnTo>
                <a:cubicBezTo>
                  <a:pt x="3698701" y="2051873"/>
                  <a:pt x="5188718" y="4616351"/>
                  <a:pt x="5165404" y="7388415"/>
                </a:cubicBezTo>
                <a:cubicBezTo>
                  <a:pt x="5158216" y="8125745"/>
                  <a:pt x="5042807" y="8858077"/>
                  <a:pt x="4822870" y="9561878"/>
                </a:cubicBezTo>
                <a:cubicBezTo>
                  <a:pt x="4820573" y="9569359"/>
                  <a:pt x="4813700" y="9574545"/>
                  <a:pt x="4805858" y="9574630"/>
                </a:cubicBezTo>
                <a:cubicBezTo>
                  <a:pt x="4804003" y="9574630"/>
                  <a:pt x="4802166" y="9574290"/>
                  <a:pt x="4800414" y="9573695"/>
                </a:cubicBezTo>
                <a:close/>
                <a:moveTo>
                  <a:pt x="4702766" y="9539861"/>
                </a:moveTo>
                <a:cubicBezTo>
                  <a:pt x="4693350" y="9537141"/>
                  <a:pt x="4687949" y="9527279"/>
                  <a:pt x="4690688" y="9517843"/>
                </a:cubicBezTo>
                <a:lnTo>
                  <a:pt x="4690688" y="9517843"/>
                </a:lnTo>
                <a:lnTo>
                  <a:pt x="4690688" y="9517843"/>
                </a:lnTo>
                <a:cubicBezTo>
                  <a:pt x="4906755" y="8826622"/>
                  <a:pt x="5020080" y="8107383"/>
                  <a:pt x="5027012" y="7383230"/>
                </a:cubicBezTo>
                <a:cubicBezTo>
                  <a:pt x="5048098" y="4661542"/>
                  <a:pt x="3583658" y="2144611"/>
                  <a:pt x="1206404" y="816764"/>
                </a:cubicBezTo>
                <a:cubicBezTo>
                  <a:pt x="1197966" y="811392"/>
                  <a:pt x="1195483" y="800199"/>
                  <a:pt x="1200858" y="791765"/>
                </a:cubicBezTo>
                <a:cubicBezTo>
                  <a:pt x="1205809" y="783991"/>
                  <a:pt x="1215812" y="781177"/>
                  <a:pt x="1224097" y="785225"/>
                </a:cubicBezTo>
                <a:cubicBezTo>
                  <a:pt x="3612995" y="2119337"/>
                  <a:pt x="5084716" y="4648408"/>
                  <a:pt x="5063672" y="7383315"/>
                </a:cubicBezTo>
                <a:cubicBezTo>
                  <a:pt x="5056783" y="8111089"/>
                  <a:pt x="4942888" y="8833933"/>
                  <a:pt x="4725647" y="9528555"/>
                </a:cubicBezTo>
                <a:cubicBezTo>
                  <a:pt x="4723376" y="9536036"/>
                  <a:pt x="4716486" y="9541221"/>
                  <a:pt x="4708635" y="9541306"/>
                </a:cubicBezTo>
                <a:cubicBezTo>
                  <a:pt x="4706781" y="9541306"/>
                  <a:pt x="4704943" y="9540966"/>
                  <a:pt x="4703191" y="9540371"/>
                </a:cubicBezTo>
                <a:close/>
                <a:moveTo>
                  <a:pt x="4605969" y="9506621"/>
                </a:moveTo>
                <a:cubicBezTo>
                  <a:pt x="4596476" y="9503731"/>
                  <a:pt x="4591109" y="9493785"/>
                  <a:pt x="4593975" y="9484263"/>
                </a:cubicBezTo>
                <a:cubicBezTo>
                  <a:pt x="4593975" y="9484263"/>
                  <a:pt x="4593975" y="9484263"/>
                  <a:pt x="4593975" y="9484263"/>
                </a:cubicBezTo>
                <a:lnTo>
                  <a:pt x="4593975" y="9484263"/>
                </a:lnTo>
                <a:cubicBezTo>
                  <a:pt x="4806793" y="8802054"/>
                  <a:pt x="4918298" y="8092404"/>
                  <a:pt x="4924941" y="7377874"/>
                </a:cubicBezTo>
                <a:cubicBezTo>
                  <a:pt x="4943892" y="4693353"/>
                  <a:pt x="3497646" y="2211829"/>
                  <a:pt x="1151881" y="903899"/>
                </a:cubicBezTo>
                <a:cubicBezTo>
                  <a:pt x="1143197" y="898926"/>
                  <a:pt x="1140126" y="887900"/>
                  <a:pt x="1144991" y="879161"/>
                </a:cubicBezTo>
                <a:cubicBezTo>
                  <a:pt x="1149746" y="870482"/>
                  <a:pt x="1160625" y="867285"/>
                  <a:pt x="1169318" y="872021"/>
                </a:cubicBezTo>
                <a:lnTo>
                  <a:pt x="1169318" y="872021"/>
                </a:lnTo>
                <a:cubicBezTo>
                  <a:pt x="3526745" y="2186359"/>
                  <a:pt x="4980297" y="4680057"/>
                  <a:pt x="4961516" y="7377874"/>
                </a:cubicBezTo>
                <a:cubicBezTo>
                  <a:pt x="4954950" y="8096162"/>
                  <a:pt x="4842867" y="8809620"/>
                  <a:pt x="4628849" y="9495315"/>
                </a:cubicBezTo>
                <a:cubicBezTo>
                  <a:pt x="4626578" y="9502796"/>
                  <a:pt x="4619688" y="9507982"/>
                  <a:pt x="4611838" y="9508067"/>
                </a:cubicBezTo>
                <a:cubicBezTo>
                  <a:pt x="4610017" y="9508152"/>
                  <a:pt x="4608197" y="9507812"/>
                  <a:pt x="4606479" y="9507217"/>
                </a:cubicBezTo>
                <a:close/>
                <a:moveTo>
                  <a:pt x="4509171" y="9473298"/>
                </a:moveTo>
                <a:cubicBezTo>
                  <a:pt x="4499721" y="9470407"/>
                  <a:pt x="4494371" y="9460461"/>
                  <a:pt x="4497178" y="9451025"/>
                </a:cubicBezTo>
                <a:lnTo>
                  <a:pt x="4497178" y="9451025"/>
                </a:lnTo>
                <a:cubicBezTo>
                  <a:pt x="4707138" y="8777741"/>
                  <a:pt x="4816882" y="8077281"/>
                  <a:pt x="4822870" y="7372093"/>
                </a:cubicBezTo>
                <a:cubicBezTo>
                  <a:pt x="4839575" y="4724841"/>
                  <a:pt x="3411506" y="2278859"/>
                  <a:pt x="1097273" y="990950"/>
                </a:cubicBezTo>
                <a:cubicBezTo>
                  <a:pt x="1088589" y="985943"/>
                  <a:pt x="1085492" y="974926"/>
                  <a:pt x="1090298" y="966127"/>
                </a:cubicBezTo>
                <a:cubicBezTo>
                  <a:pt x="1095240" y="957465"/>
                  <a:pt x="1106247" y="954387"/>
                  <a:pt x="1114966" y="959241"/>
                </a:cubicBezTo>
                <a:cubicBezTo>
                  <a:pt x="3440648" y="2253739"/>
                  <a:pt x="4875717" y="4711979"/>
                  <a:pt x="4858850" y="7372434"/>
                </a:cubicBezTo>
                <a:cubicBezTo>
                  <a:pt x="4852998" y="8081209"/>
                  <a:pt x="4742820" y="8785307"/>
                  <a:pt x="4531882" y="9461991"/>
                </a:cubicBezTo>
                <a:cubicBezTo>
                  <a:pt x="4529687" y="9469557"/>
                  <a:pt x="4522747" y="9474742"/>
                  <a:pt x="4514870" y="9474742"/>
                </a:cubicBezTo>
                <a:cubicBezTo>
                  <a:pt x="4513041" y="9474742"/>
                  <a:pt x="4511229" y="9474403"/>
                  <a:pt x="4509511" y="9473807"/>
                </a:cubicBezTo>
                <a:close/>
                <a:moveTo>
                  <a:pt x="4412288" y="9439973"/>
                </a:moveTo>
                <a:cubicBezTo>
                  <a:pt x="4402872" y="9437253"/>
                  <a:pt x="4397471" y="9427392"/>
                  <a:pt x="4400210" y="9417956"/>
                </a:cubicBezTo>
                <a:lnTo>
                  <a:pt x="4400210" y="9417956"/>
                </a:lnTo>
                <a:lnTo>
                  <a:pt x="4400210" y="9417956"/>
                </a:lnTo>
                <a:cubicBezTo>
                  <a:pt x="4607100" y="8753599"/>
                  <a:pt x="4715116" y="8062370"/>
                  <a:pt x="4720799" y="7366568"/>
                </a:cubicBezTo>
                <a:cubicBezTo>
                  <a:pt x="4735216" y="4756609"/>
                  <a:pt x="3325546" y="2346162"/>
                  <a:pt x="1043090" y="1077916"/>
                </a:cubicBezTo>
                <a:cubicBezTo>
                  <a:pt x="1034329" y="1073079"/>
                  <a:pt x="1031148" y="1062061"/>
                  <a:pt x="1035988" y="1053305"/>
                </a:cubicBezTo>
                <a:cubicBezTo>
                  <a:pt x="1040828" y="1044549"/>
                  <a:pt x="1051852" y="1041370"/>
                  <a:pt x="1060613" y="1046207"/>
                </a:cubicBezTo>
                <a:lnTo>
                  <a:pt x="1060613" y="1046207"/>
                </a:lnTo>
                <a:cubicBezTo>
                  <a:pt x="3354568" y="2321007"/>
                  <a:pt x="4771298" y="4743713"/>
                  <a:pt x="4756778" y="7366908"/>
                </a:cubicBezTo>
                <a:cubicBezTo>
                  <a:pt x="4751335" y="8066204"/>
                  <a:pt x="4642969" y="8760909"/>
                  <a:pt x="4435169" y="9428667"/>
                </a:cubicBezTo>
                <a:cubicBezTo>
                  <a:pt x="4432873" y="9436148"/>
                  <a:pt x="4426000" y="9441334"/>
                  <a:pt x="4418157" y="9441419"/>
                </a:cubicBezTo>
                <a:cubicBezTo>
                  <a:pt x="4416329" y="9441419"/>
                  <a:pt x="4414517" y="9441079"/>
                  <a:pt x="4412799" y="9440484"/>
                </a:cubicBezTo>
                <a:close/>
                <a:moveTo>
                  <a:pt x="4315661" y="9406819"/>
                </a:moveTo>
                <a:cubicBezTo>
                  <a:pt x="4306509" y="9403759"/>
                  <a:pt x="4301380" y="9394067"/>
                  <a:pt x="4304008" y="9384802"/>
                </a:cubicBezTo>
                <a:lnTo>
                  <a:pt x="4304008" y="9384802"/>
                </a:lnTo>
                <a:cubicBezTo>
                  <a:pt x="4507657" y="8729456"/>
                  <a:pt x="4613692" y="8047748"/>
                  <a:pt x="4618727" y="7361552"/>
                </a:cubicBezTo>
                <a:cubicBezTo>
                  <a:pt x="4631087" y="4788701"/>
                  <a:pt x="3239738" y="2413533"/>
                  <a:pt x="988823" y="1164967"/>
                </a:cubicBezTo>
                <a:cubicBezTo>
                  <a:pt x="980478" y="1159441"/>
                  <a:pt x="978199" y="1148211"/>
                  <a:pt x="983728" y="1139872"/>
                </a:cubicBezTo>
                <a:cubicBezTo>
                  <a:pt x="988533" y="1132620"/>
                  <a:pt x="997813" y="1129815"/>
                  <a:pt x="1005834" y="1133173"/>
                </a:cubicBezTo>
                <a:lnTo>
                  <a:pt x="1005834" y="1133173"/>
                </a:lnTo>
                <a:cubicBezTo>
                  <a:pt x="3268352" y="2388132"/>
                  <a:pt x="4666930" y="4775465"/>
                  <a:pt x="4654622" y="7361552"/>
                </a:cubicBezTo>
                <a:cubicBezTo>
                  <a:pt x="4649783" y="8051378"/>
                  <a:pt x="4543280" y="8736682"/>
                  <a:pt x="4338542" y="9395513"/>
                </a:cubicBezTo>
                <a:cubicBezTo>
                  <a:pt x="4336271" y="9402994"/>
                  <a:pt x="4329381" y="9408179"/>
                  <a:pt x="4321530" y="9408265"/>
                </a:cubicBezTo>
                <a:cubicBezTo>
                  <a:pt x="4319684" y="9408265"/>
                  <a:pt x="4317856" y="9408009"/>
                  <a:pt x="4316087" y="9407500"/>
                </a:cubicBezTo>
                <a:close/>
                <a:moveTo>
                  <a:pt x="4218949" y="9374005"/>
                </a:moveTo>
                <a:cubicBezTo>
                  <a:pt x="4209414" y="9371030"/>
                  <a:pt x="4204072" y="9360913"/>
                  <a:pt x="4206955" y="9351308"/>
                </a:cubicBezTo>
                <a:cubicBezTo>
                  <a:pt x="4407713" y="8704973"/>
                  <a:pt x="4512063" y="8032659"/>
                  <a:pt x="4516656" y="7355942"/>
                </a:cubicBezTo>
                <a:cubicBezTo>
                  <a:pt x="4526744" y="4820563"/>
                  <a:pt x="3153930" y="2481065"/>
                  <a:pt x="934980" y="1252187"/>
                </a:cubicBezTo>
                <a:cubicBezTo>
                  <a:pt x="926500" y="1246968"/>
                  <a:pt x="923863" y="1235865"/>
                  <a:pt x="929085" y="1227390"/>
                </a:cubicBezTo>
                <a:cubicBezTo>
                  <a:pt x="933874" y="1219628"/>
                  <a:pt x="943707" y="1216662"/>
                  <a:pt x="951992" y="1220479"/>
                </a:cubicBezTo>
                <a:lnTo>
                  <a:pt x="951992" y="1220479"/>
                </a:lnTo>
                <a:cubicBezTo>
                  <a:pt x="3182544" y="2455724"/>
                  <a:pt x="4562546" y="4807420"/>
                  <a:pt x="4552381" y="7356026"/>
                </a:cubicBezTo>
                <a:cubicBezTo>
                  <a:pt x="4548035" y="8036383"/>
                  <a:pt x="4443420" y="8712369"/>
                  <a:pt x="4241915" y="9362274"/>
                </a:cubicBezTo>
                <a:cubicBezTo>
                  <a:pt x="4239576" y="9369755"/>
                  <a:pt x="4232728" y="9374855"/>
                  <a:pt x="4224903" y="9375025"/>
                </a:cubicBezTo>
                <a:cubicBezTo>
                  <a:pt x="4223091" y="9375025"/>
                  <a:pt x="4221288" y="9374855"/>
                  <a:pt x="4219544" y="9374345"/>
                </a:cubicBezTo>
                <a:close/>
                <a:moveTo>
                  <a:pt x="4122151" y="9340766"/>
                </a:moveTo>
                <a:cubicBezTo>
                  <a:pt x="4112607" y="9337705"/>
                  <a:pt x="4107266" y="9327590"/>
                  <a:pt x="4110158" y="9317983"/>
                </a:cubicBezTo>
                <a:cubicBezTo>
                  <a:pt x="4307606" y="8680574"/>
                  <a:pt x="4409898" y="8017620"/>
                  <a:pt x="4413735" y="7350416"/>
                </a:cubicBezTo>
                <a:cubicBezTo>
                  <a:pt x="4421645" y="4852331"/>
                  <a:pt x="3067246" y="2548326"/>
                  <a:pt x="880032" y="1339153"/>
                </a:cubicBezTo>
                <a:cubicBezTo>
                  <a:pt x="871271" y="1334316"/>
                  <a:pt x="868089" y="1323299"/>
                  <a:pt x="872929" y="1314543"/>
                </a:cubicBezTo>
                <a:cubicBezTo>
                  <a:pt x="877769" y="1305787"/>
                  <a:pt x="888793" y="1302607"/>
                  <a:pt x="897554" y="1307444"/>
                </a:cubicBezTo>
                <a:lnTo>
                  <a:pt x="897554" y="1307444"/>
                </a:lnTo>
                <a:cubicBezTo>
                  <a:pt x="3096489" y="2522967"/>
                  <a:pt x="4458186" y="4839248"/>
                  <a:pt x="4450225" y="7350670"/>
                </a:cubicBezTo>
                <a:cubicBezTo>
                  <a:pt x="4446304" y="8021438"/>
                  <a:pt x="4343493" y="8687971"/>
                  <a:pt x="4145117" y="9328780"/>
                </a:cubicBezTo>
                <a:cubicBezTo>
                  <a:pt x="4142778" y="9336261"/>
                  <a:pt x="4135931" y="9341361"/>
                  <a:pt x="4128105" y="9341532"/>
                </a:cubicBezTo>
                <a:cubicBezTo>
                  <a:pt x="4126302" y="9341446"/>
                  <a:pt x="4124507" y="9341191"/>
                  <a:pt x="4122747" y="9340766"/>
                </a:cubicBezTo>
                <a:close/>
                <a:moveTo>
                  <a:pt x="4025439" y="9307442"/>
                </a:moveTo>
                <a:cubicBezTo>
                  <a:pt x="4015870" y="9304467"/>
                  <a:pt x="4010485" y="9294350"/>
                  <a:pt x="4013360" y="9284744"/>
                </a:cubicBezTo>
                <a:cubicBezTo>
                  <a:pt x="4207576" y="8656347"/>
                  <a:pt x="4307895" y="8002744"/>
                  <a:pt x="4311068" y="7345060"/>
                </a:cubicBezTo>
                <a:cubicBezTo>
                  <a:pt x="4316988" y="4884219"/>
                  <a:pt x="2981038" y="2615586"/>
                  <a:pt x="825509" y="1426119"/>
                </a:cubicBezTo>
                <a:cubicBezTo>
                  <a:pt x="816826" y="1421239"/>
                  <a:pt x="813680" y="1410290"/>
                  <a:pt x="818449" y="1401551"/>
                </a:cubicBezTo>
                <a:cubicBezTo>
                  <a:pt x="823107" y="1392880"/>
                  <a:pt x="833887" y="1389581"/>
                  <a:pt x="842606" y="1394155"/>
                </a:cubicBezTo>
                <a:lnTo>
                  <a:pt x="842606" y="1394155"/>
                </a:lnTo>
                <a:cubicBezTo>
                  <a:pt x="3009950" y="2589743"/>
                  <a:pt x="4353487" y="4870405"/>
                  <a:pt x="4347984" y="7344550"/>
                </a:cubicBezTo>
                <a:cubicBezTo>
                  <a:pt x="4344752" y="8005983"/>
                  <a:pt x="4243948" y="8663318"/>
                  <a:pt x="4048830" y="9295370"/>
                </a:cubicBezTo>
                <a:cubicBezTo>
                  <a:pt x="4046491" y="9302851"/>
                  <a:pt x="4039644" y="9307952"/>
                  <a:pt x="4031818" y="9308122"/>
                </a:cubicBezTo>
                <a:cubicBezTo>
                  <a:pt x="4030015" y="9308122"/>
                  <a:pt x="4028212" y="9307867"/>
                  <a:pt x="4026460" y="9307442"/>
                </a:cubicBezTo>
                <a:close/>
                <a:moveTo>
                  <a:pt x="3928897" y="9274288"/>
                </a:moveTo>
                <a:cubicBezTo>
                  <a:pt x="3919361" y="9271313"/>
                  <a:pt x="3913986" y="9261196"/>
                  <a:pt x="3916818" y="9251590"/>
                </a:cubicBezTo>
                <a:cubicBezTo>
                  <a:pt x="4107997" y="8632203"/>
                  <a:pt x="4206564" y="7987918"/>
                  <a:pt x="4209337" y="7339704"/>
                </a:cubicBezTo>
                <a:cubicBezTo>
                  <a:pt x="4213156" y="4915885"/>
                  <a:pt x="2895375" y="2682506"/>
                  <a:pt x="771241" y="1512830"/>
                </a:cubicBezTo>
                <a:cubicBezTo>
                  <a:pt x="762058" y="1508860"/>
                  <a:pt x="757836" y="1498199"/>
                  <a:pt x="761810" y="1489018"/>
                </a:cubicBezTo>
                <a:cubicBezTo>
                  <a:pt x="765784" y="1479846"/>
                  <a:pt x="776451" y="1475621"/>
                  <a:pt x="785634" y="1479591"/>
                </a:cubicBezTo>
                <a:cubicBezTo>
                  <a:pt x="786268" y="1479871"/>
                  <a:pt x="786888" y="1480177"/>
                  <a:pt x="787487" y="1480526"/>
                </a:cubicBezTo>
                <a:lnTo>
                  <a:pt x="788253" y="1480526"/>
                </a:lnTo>
                <a:lnTo>
                  <a:pt x="788763" y="1480526"/>
                </a:lnTo>
                <a:cubicBezTo>
                  <a:pt x="2924338" y="2656518"/>
                  <a:pt x="4249272" y="4901884"/>
                  <a:pt x="4245572" y="7338769"/>
                </a:cubicBezTo>
                <a:cubicBezTo>
                  <a:pt x="4242706" y="7990536"/>
                  <a:pt x="4143646" y="8638324"/>
                  <a:pt x="3951607" y="9261196"/>
                </a:cubicBezTo>
                <a:cubicBezTo>
                  <a:pt x="3948588" y="9270717"/>
                  <a:pt x="3938474" y="9276073"/>
                  <a:pt x="3928897" y="9273183"/>
                </a:cubicBezTo>
                <a:close/>
                <a:moveTo>
                  <a:pt x="3832099" y="9240963"/>
                </a:moveTo>
                <a:cubicBezTo>
                  <a:pt x="3822564" y="9237988"/>
                  <a:pt x="3817222" y="9227873"/>
                  <a:pt x="3820106" y="9218266"/>
                </a:cubicBezTo>
                <a:cubicBezTo>
                  <a:pt x="4008163" y="8607891"/>
                  <a:pt x="4104901" y="7973024"/>
                  <a:pt x="4107181" y="7334349"/>
                </a:cubicBezTo>
                <a:cubicBezTo>
                  <a:pt x="4108755" y="4947798"/>
                  <a:pt x="2809227" y="2749945"/>
                  <a:pt x="716718" y="1600135"/>
                </a:cubicBezTo>
                <a:cubicBezTo>
                  <a:pt x="708024" y="1595222"/>
                  <a:pt x="704881" y="1584247"/>
                  <a:pt x="709658" y="1575482"/>
                </a:cubicBezTo>
                <a:cubicBezTo>
                  <a:pt x="714475" y="1566837"/>
                  <a:pt x="725347" y="1563649"/>
                  <a:pt x="734070" y="1568341"/>
                </a:cubicBezTo>
                <a:lnTo>
                  <a:pt x="734070" y="1568341"/>
                </a:lnTo>
                <a:cubicBezTo>
                  <a:pt x="2838088" y="2724484"/>
                  <a:pt x="4144777" y="4934409"/>
                  <a:pt x="4143246" y="7334094"/>
                </a:cubicBezTo>
                <a:cubicBezTo>
                  <a:pt x="4140958" y="7976391"/>
                  <a:pt x="4043735" y="8614861"/>
                  <a:pt x="3854725" y="9228722"/>
                </a:cubicBezTo>
                <a:cubicBezTo>
                  <a:pt x="3852386" y="9236203"/>
                  <a:pt x="3845539" y="9241304"/>
                  <a:pt x="3837713" y="9241474"/>
                </a:cubicBezTo>
                <a:cubicBezTo>
                  <a:pt x="3835910" y="9241474"/>
                  <a:pt x="3834107" y="9241219"/>
                  <a:pt x="3832354" y="9240794"/>
                </a:cubicBezTo>
                <a:close/>
                <a:moveTo>
                  <a:pt x="3735302" y="9207725"/>
                </a:moveTo>
                <a:cubicBezTo>
                  <a:pt x="3725758" y="9204665"/>
                  <a:pt x="3720416" y="9194548"/>
                  <a:pt x="3723308" y="9184942"/>
                </a:cubicBezTo>
                <a:cubicBezTo>
                  <a:pt x="3908244" y="8583493"/>
                  <a:pt x="4003145" y="7958020"/>
                  <a:pt x="4004940" y="7328823"/>
                </a:cubicBezTo>
                <a:cubicBezTo>
                  <a:pt x="4004012" y="4979626"/>
                  <a:pt x="2722816" y="2817443"/>
                  <a:pt x="662110" y="1687356"/>
                </a:cubicBezTo>
                <a:cubicBezTo>
                  <a:pt x="652927" y="1683386"/>
                  <a:pt x="648705" y="1672726"/>
                  <a:pt x="652679" y="1663545"/>
                </a:cubicBezTo>
                <a:cubicBezTo>
                  <a:pt x="656653" y="1654372"/>
                  <a:pt x="667320" y="1650147"/>
                  <a:pt x="676503" y="1654117"/>
                </a:cubicBezTo>
                <a:cubicBezTo>
                  <a:pt x="677137" y="1654398"/>
                  <a:pt x="677757" y="1654704"/>
                  <a:pt x="678356" y="1655052"/>
                </a:cubicBezTo>
                <a:lnTo>
                  <a:pt x="679122" y="1655052"/>
                </a:lnTo>
                <a:lnTo>
                  <a:pt x="679632" y="1655052"/>
                </a:lnTo>
                <a:cubicBezTo>
                  <a:pt x="2752059" y="2791549"/>
                  <a:pt x="4040460" y="4966101"/>
                  <a:pt x="4041175" y="7328653"/>
                </a:cubicBezTo>
                <a:cubicBezTo>
                  <a:pt x="4039278" y="7961462"/>
                  <a:pt x="3943892" y="8590549"/>
                  <a:pt x="3758098" y="9195483"/>
                </a:cubicBezTo>
                <a:cubicBezTo>
                  <a:pt x="3755759" y="9203134"/>
                  <a:pt x="3748656" y="9208320"/>
                  <a:pt x="3740660" y="9208235"/>
                </a:cubicBezTo>
                <a:cubicBezTo>
                  <a:pt x="3738857" y="9208235"/>
                  <a:pt x="3737054" y="9207979"/>
                  <a:pt x="3735302" y="9207555"/>
                </a:cubicBezTo>
                <a:close/>
                <a:moveTo>
                  <a:pt x="3638419" y="9174401"/>
                </a:moveTo>
                <a:cubicBezTo>
                  <a:pt x="3628884" y="9171425"/>
                  <a:pt x="3623542" y="9161309"/>
                  <a:pt x="3626426" y="9151702"/>
                </a:cubicBezTo>
                <a:cubicBezTo>
                  <a:pt x="3808240" y="8559180"/>
                  <a:pt x="3901303" y="7943100"/>
                  <a:pt x="3902613" y="7323382"/>
                </a:cubicBezTo>
                <a:cubicBezTo>
                  <a:pt x="3899611" y="5011403"/>
                  <a:pt x="2636804" y="2884610"/>
                  <a:pt x="607757" y="1774237"/>
                </a:cubicBezTo>
                <a:cubicBezTo>
                  <a:pt x="598987" y="1769442"/>
                  <a:pt x="595691" y="1758501"/>
                  <a:pt x="600357" y="1749669"/>
                </a:cubicBezTo>
                <a:cubicBezTo>
                  <a:pt x="605050" y="1740887"/>
                  <a:pt x="615976" y="1737580"/>
                  <a:pt x="624760" y="1742264"/>
                </a:cubicBezTo>
                <a:cubicBezTo>
                  <a:pt x="624763" y="1742273"/>
                  <a:pt x="624766" y="1742273"/>
                  <a:pt x="624769" y="1742273"/>
                </a:cubicBezTo>
                <a:lnTo>
                  <a:pt x="625364" y="1742273"/>
                </a:lnTo>
                <a:cubicBezTo>
                  <a:pt x="2665928" y="2859090"/>
                  <a:pt x="3935863" y="4998047"/>
                  <a:pt x="3938849" y="7323212"/>
                </a:cubicBezTo>
                <a:cubicBezTo>
                  <a:pt x="3937504" y="7946552"/>
                  <a:pt x="3843922" y="8566236"/>
                  <a:pt x="3661130" y="9162244"/>
                </a:cubicBezTo>
                <a:cubicBezTo>
                  <a:pt x="3658791" y="9169725"/>
                  <a:pt x="3651944" y="9174826"/>
                  <a:pt x="3644118" y="9174995"/>
                </a:cubicBezTo>
                <a:cubicBezTo>
                  <a:pt x="3642306" y="9174995"/>
                  <a:pt x="3640503" y="9174741"/>
                  <a:pt x="3638759" y="9174230"/>
                </a:cubicBezTo>
                <a:close/>
                <a:moveTo>
                  <a:pt x="3541622" y="9141076"/>
                </a:moveTo>
                <a:cubicBezTo>
                  <a:pt x="3532086" y="9138101"/>
                  <a:pt x="3526745" y="9127985"/>
                  <a:pt x="3529628" y="9118379"/>
                </a:cubicBezTo>
                <a:cubicBezTo>
                  <a:pt x="3708355" y="8534867"/>
                  <a:pt x="3799598" y="7928045"/>
                  <a:pt x="3800372" y="7317771"/>
                </a:cubicBezTo>
                <a:cubicBezTo>
                  <a:pt x="3795107" y="5043180"/>
                  <a:pt x="2550724" y="2951989"/>
                  <a:pt x="553489" y="1861373"/>
                </a:cubicBezTo>
                <a:cubicBezTo>
                  <a:pt x="544767" y="1856468"/>
                  <a:pt x="541674" y="1845433"/>
                  <a:pt x="546579" y="1836711"/>
                </a:cubicBezTo>
                <a:cubicBezTo>
                  <a:pt x="551322" y="1828287"/>
                  <a:pt x="561854" y="1825065"/>
                  <a:pt x="570501" y="1829409"/>
                </a:cubicBezTo>
                <a:lnTo>
                  <a:pt x="571011" y="1829409"/>
                </a:lnTo>
                <a:cubicBezTo>
                  <a:pt x="2579899" y="2926376"/>
                  <a:pt x="3831478" y="5029825"/>
                  <a:pt x="3836607" y="7317687"/>
                </a:cubicBezTo>
                <a:cubicBezTo>
                  <a:pt x="3835774" y="7931547"/>
                  <a:pt x="3744046" y="8541922"/>
                  <a:pt x="3564417" y="9128920"/>
                </a:cubicBezTo>
                <a:cubicBezTo>
                  <a:pt x="3562028" y="9136571"/>
                  <a:pt x="3554959" y="9141672"/>
                  <a:pt x="3546980" y="9141672"/>
                </a:cubicBezTo>
                <a:cubicBezTo>
                  <a:pt x="3545177" y="9141672"/>
                  <a:pt x="3543374" y="9141417"/>
                  <a:pt x="3541622" y="9140991"/>
                </a:cubicBezTo>
                <a:close/>
                <a:moveTo>
                  <a:pt x="3444909" y="9107668"/>
                </a:moveTo>
                <a:cubicBezTo>
                  <a:pt x="3435332" y="9104692"/>
                  <a:pt x="3429973" y="9094491"/>
                  <a:pt x="3432916" y="9084884"/>
                </a:cubicBezTo>
                <a:cubicBezTo>
                  <a:pt x="3608504" y="8510384"/>
                  <a:pt x="3697850" y="7913032"/>
                  <a:pt x="3698046" y="7312331"/>
                </a:cubicBezTo>
                <a:cubicBezTo>
                  <a:pt x="3690799" y="5074888"/>
                  <a:pt x="2464746" y="3019003"/>
                  <a:pt x="499051" y="1948168"/>
                </a:cubicBezTo>
                <a:cubicBezTo>
                  <a:pt x="490290" y="1943331"/>
                  <a:pt x="487111" y="1932314"/>
                  <a:pt x="491949" y="1923558"/>
                </a:cubicBezTo>
                <a:cubicBezTo>
                  <a:pt x="496788" y="1914802"/>
                  <a:pt x="507812" y="1911622"/>
                  <a:pt x="516573" y="1916459"/>
                </a:cubicBezTo>
                <a:cubicBezTo>
                  <a:pt x="2493708" y="2993764"/>
                  <a:pt x="3726847" y="5061754"/>
                  <a:pt x="3734111" y="7312331"/>
                </a:cubicBezTo>
                <a:cubicBezTo>
                  <a:pt x="3733932" y="7916705"/>
                  <a:pt x="3644127" y="8517695"/>
                  <a:pt x="3467620" y="9095766"/>
                </a:cubicBezTo>
                <a:cubicBezTo>
                  <a:pt x="3465281" y="9103247"/>
                  <a:pt x="3458434" y="9108347"/>
                  <a:pt x="3450608" y="9108517"/>
                </a:cubicBezTo>
                <a:cubicBezTo>
                  <a:pt x="3448805" y="9108432"/>
                  <a:pt x="3447010" y="9108177"/>
                  <a:pt x="3445250" y="9107753"/>
                </a:cubicBezTo>
                <a:close/>
                <a:moveTo>
                  <a:pt x="3348197" y="9074173"/>
                </a:moveTo>
                <a:cubicBezTo>
                  <a:pt x="3338594" y="9071198"/>
                  <a:pt x="3333192" y="9061082"/>
                  <a:pt x="3336118" y="9051476"/>
                </a:cubicBezTo>
                <a:cubicBezTo>
                  <a:pt x="3508610" y="8485969"/>
                  <a:pt x="3596162" y="7898002"/>
                  <a:pt x="3595889" y="7306805"/>
                </a:cubicBezTo>
                <a:cubicBezTo>
                  <a:pt x="3586261" y="5106683"/>
                  <a:pt x="2378589" y="3086391"/>
                  <a:pt x="444698" y="2035219"/>
                </a:cubicBezTo>
                <a:cubicBezTo>
                  <a:pt x="435468" y="2031343"/>
                  <a:pt x="431126" y="2020725"/>
                  <a:pt x="435002" y="2011501"/>
                </a:cubicBezTo>
                <a:cubicBezTo>
                  <a:pt x="438877" y="2002278"/>
                  <a:pt x="449503" y="1997934"/>
                  <a:pt x="458733" y="2001810"/>
                </a:cubicBezTo>
                <a:cubicBezTo>
                  <a:pt x="459752" y="2002295"/>
                  <a:pt x="460746" y="2002839"/>
                  <a:pt x="461710" y="2003425"/>
                </a:cubicBezTo>
                <a:lnTo>
                  <a:pt x="461710" y="2003425"/>
                </a:lnTo>
                <a:cubicBezTo>
                  <a:pt x="2407382" y="3060837"/>
                  <a:pt x="3622419" y="5093362"/>
                  <a:pt x="3632040" y="7306805"/>
                </a:cubicBezTo>
                <a:cubicBezTo>
                  <a:pt x="3632244" y="7901479"/>
                  <a:pt x="3544216" y="8492897"/>
                  <a:pt x="3370823" y="9061762"/>
                </a:cubicBezTo>
                <a:cubicBezTo>
                  <a:pt x="3368484" y="9069243"/>
                  <a:pt x="3361636" y="9074343"/>
                  <a:pt x="3353811" y="9074513"/>
                </a:cubicBezTo>
                <a:cubicBezTo>
                  <a:pt x="3351999" y="9074513"/>
                  <a:pt x="3350196" y="9074258"/>
                  <a:pt x="3348452" y="9073748"/>
                </a:cubicBezTo>
                <a:close/>
                <a:moveTo>
                  <a:pt x="3251569" y="9040849"/>
                </a:moveTo>
                <a:cubicBezTo>
                  <a:pt x="3242009" y="9038043"/>
                  <a:pt x="3236523" y="9028013"/>
                  <a:pt x="3239321" y="9018492"/>
                </a:cubicBezTo>
                <a:cubicBezTo>
                  <a:pt x="3239321" y="9018492"/>
                  <a:pt x="3239321" y="9018492"/>
                  <a:pt x="3239321" y="9018492"/>
                </a:cubicBezTo>
                <a:lnTo>
                  <a:pt x="3239321" y="9018492"/>
                </a:lnTo>
                <a:cubicBezTo>
                  <a:pt x="3408657" y="8461825"/>
                  <a:pt x="3494346" y="7883108"/>
                  <a:pt x="3493563" y="7301279"/>
                </a:cubicBezTo>
                <a:cubicBezTo>
                  <a:pt x="3481902" y="5138392"/>
                  <a:pt x="2292518" y="3153515"/>
                  <a:pt x="390175" y="2122270"/>
                </a:cubicBezTo>
                <a:cubicBezTo>
                  <a:pt x="381926" y="2116523"/>
                  <a:pt x="379898" y="2105191"/>
                  <a:pt x="385643" y="2096945"/>
                </a:cubicBezTo>
                <a:cubicBezTo>
                  <a:pt x="390449" y="2090051"/>
                  <a:pt x="399353" y="2087339"/>
                  <a:pt x="407187" y="2090391"/>
                </a:cubicBezTo>
                <a:cubicBezTo>
                  <a:pt x="2321251" y="3128055"/>
                  <a:pt x="3518035" y="5125121"/>
                  <a:pt x="3529969" y="7301364"/>
                </a:cubicBezTo>
                <a:cubicBezTo>
                  <a:pt x="3530743" y="7886645"/>
                  <a:pt x="3444569" y="8468788"/>
                  <a:pt x="3274280" y="9028778"/>
                </a:cubicBezTo>
                <a:cubicBezTo>
                  <a:pt x="3271899" y="9036429"/>
                  <a:pt x="3264839" y="9041614"/>
                  <a:pt x="3256843" y="9041614"/>
                </a:cubicBezTo>
                <a:cubicBezTo>
                  <a:pt x="3255091" y="9041614"/>
                  <a:pt x="3253347" y="9041359"/>
                  <a:pt x="3251655" y="9040935"/>
                </a:cubicBezTo>
                <a:close/>
                <a:moveTo>
                  <a:pt x="3154772" y="9007610"/>
                </a:moveTo>
                <a:cubicBezTo>
                  <a:pt x="3145322" y="9004890"/>
                  <a:pt x="3139844" y="8995029"/>
                  <a:pt x="3142524" y="8985593"/>
                </a:cubicBezTo>
                <a:lnTo>
                  <a:pt x="3142524" y="8985593"/>
                </a:lnTo>
                <a:cubicBezTo>
                  <a:pt x="3308721" y="8437852"/>
                  <a:pt x="3392538" y="7868461"/>
                  <a:pt x="3391237" y="7296094"/>
                </a:cubicBezTo>
                <a:cubicBezTo>
                  <a:pt x="3377364" y="5170441"/>
                  <a:pt x="2206412" y="3221005"/>
                  <a:pt x="335823" y="2209321"/>
                </a:cubicBezTo>
                <a:cubicBezTo>
                  <a:pt x="327138" y="2204535"/>
                  <a:pt x="323915" y="2193662"/>
                  <a:pt x="328593" y="2184923"/>
                </a:cubicBezTo>
                <a:lnTo>
                  <a:pt x="328593" y="2184923"/>
                </a:lnTo>
                <a:cubicBezTo>
                  <a:pt x="333445" y="2176286"/>
                  <a:pt x="344261" y="2173013"/>
                  <a:pt x="353090" y="2177527"/>
                </a:cubicBezTo>
                <a:cubicBezTo>
                  <a:pt x="2235485" y="3195400"/>
                  <a:pt x="3413888" y="5157026"/>
                  <a:pt x="3427897" y="7296009"/>
                </a:cubicBezTo>
                <a:cubicBezTo>
                  <a:pt x="3429182" y="7871743"/>
                  <a:pt x="3344879" y="8444483"/>
                  <a:pt x="3177738" y="8995453"/>
                </a:cubicBezTo>
                <a:cubicBezTo>
                  <a:pt x="3175484" y="9003189"/>
                  <a:pt x="3168356" y="9008460"/>
                  <a:pt x="3160301" y="9008375"/>
                </a:cubicBezTo>
                <a:cubicBezTo>
                  <a:pt x="3158549" y="9008290"/>
                  <a:pt x="3156814" y="9008036"/>
                  <a:pt x="3155112" y="9007610"/>
                </a:cubicBezTo>
                <a:close/>
                <a:moveTo>
                  <a:pt x="3057975" y="8974286"/>
                </a:moveTo>
                <a:cubicBezTo>
                  <a:pt x="3048414" y="8971310"/>
                  <a:pt x="3042996" y="8961280"/>
                  <a:pt x="3045811" y="8951674"/>
                </a:cubicBezTo>
                <a:cubicBezTo>
                  <a:pt x="3208955" y="8413115"/>
                  <a:pt x="3290952" y="7853270"/>
                  <a:pt x="3289081" y="7290568"/>
                </a:cubicBezTo>
                <a:cubicBezTo>
                  <a:pt x="3273064" y="5202175"/>
                  <a:pt x="2120468" y="3288197"/>
                  <a:pt x="281555" y="2296286"/>
                </a:cubicBezTo>
                <a:cubicBezTo>
                  <a:pt x="272700" y="2291594"/>
                  <a:pt x="269329" y="2280611"/>
                  <a:pt x="274027" y="2271761"/>
                </a:cubicBezTo>
                <a:cubicBezTo>
                  <a:pt x="278725" y="2262911"/>
                  <a:pt x="289712" y="2259545"/>
                  <a:pt x="298567" y="2264238"/>
                </a:cubicBezTo>
                <a:lnTo>
                  <a:pt x="298567" y="2264238"/>
                </a:lnTo>
                <a:cubicBezTo>
                  <a:pt x="2149023" y="3262524"/>
                  <a:pt x="3308823" y="5188582"/>
                  <a:pt x="3324976" y="7290143"/>
                </a:cubicBezTo>
                <a:cubicBezTo>
                  <a:pt x="3326881" y="7856466"/>
                  <a:pt x="3244399" y="8419915"/>
                  <a:pt x="3080260" y="8961959"/>
                </a:cubicBezTo>
                <a:cubicBezTo>
                  <a:pt x="3078032" y="8969526"/>
                  <a:pt x="3071133" y="8974796"/>
                  <a:pt x="3063248" y="8974881"/>
                </a:cubicBezTo>
                <a:cubicBezTo>
                  <a:pt x="3061462" y="8974881"/>
                  <a:pt x="3059684" y="8974626"/>
                  <a:pt x="3057975" y="8974115"/>
                </a:cubicBezTo>
                <a:close/>
                <a:moveTo>
                  <a:pt x="2961262" y="8940962"/>
                </a:moveTo>
                <a:cubicBezTo>
                  <a:pt x="2951676" y="8938071"/>
                  <a:pt x="2946207" y="8928040"/>
                  <a:pt x="2949014" y="8918434"/>
                </a:cubicBezTo>
                <a:cubicBezTo>
                  <a:pt x="3108985" y="8388793"/>
                  <a:pt x="3189085" y="7838282"/>
                  <a:pt x="3186669" y="7285043"/>
                </a:cubicBezTo>
                <a:cubicBezTo>
                  <a:pt x="3168569" y="5233969"/>
                  <a:pt x="2034397" y="3355466"/>
                  <a:pt x="227202" y="2383337"/>
                </a:cubicBezTo>
                <a:cubicBezTo>
                  <a:pt x="218716" y="2378041"/>
                  <a:pt x="216136" y="2366871"/>
                  <a:pt x="221438" y="2358387"/>
                </a:cubicBezTo>
                <a:cubicBezTo>
                  <a:pt x="226233" y="2350719"/>
                  <a:pt x="235956" y="2347760"/>
                  <a:pt x="244214" y="2351458"/>
                </a:cubicBezTo>
                <a:lnTo>
                  <a:pt x="244214" y="2351458"/>
                </a:lnTo>
                <a:cubicBezTo>
                  <a:pt x="2063257" y="3329801"/>
                  <a:pt x="3204838" y="5220588"/>
                  <a:pt x="3222905" y="7285043"/>
                </a:cubicBezTo>
                <a:cubicBezTo>
                  <a:pt x="3225278" y="7841819"/>
                  <a:pt x="3144667" y="8395849"/>
                  <a:pt x="2983718" y="8928890"/>
                </a:cubicBezTo>
                <a:cubicBezTo>
                  <a:pt x="2981506" y="8936456"/>
                  <a:pt x="2974600" y="8941727"/>
                  <a:pt x="2966706" y="8941812"/>
                </a:cubicBezTo>
                <a:cubicBezTo>
                  <a:pt x="2964894" y="8941897"/>
                  <a:pt x="2963083" y="8941642"/>
                  <a:pt x="2961347" y="8941132"/>
                </a:cubicBezTo>
                <a:close/>
                <a:moveTo>
                  <a:pt x="2864465" y="8907723"/>
                </a:moveTo>
                <a:cubicBezTo>
                  <a:pt x="2854913" y="8904918"/>
                  <a:pt x="2849443" y="8894886"/>
                  <a:pt x="2852259" y="8885365"/>
                </a:cubicBezTo>
                <a:cubicBezTo>
                  <a:pt x="2852267" y="8885280"/>
                  <a:pt x="2852284" y="8885280"/>
                  <a:pt x="2852301" y="8885195"/>
                </a:cubicBezTo>
                <a:lnTo>
                  <a:pt x="2852301" y="8885195"/>
                </a:lnTo>
                <a:cubicBezTo>
                  <a:pt x="3009159" y="8364540"/>
                  <a:pt x="3087482" y="7823423"/>
                  <a:pt x="3084683" y="7279687"/>
                </a:cubicBezTo>
                <a:cubicBezTo>
                  <a:pt x="3064278" y="5265822"/>
                  <a:pt x="1948359" y="3422812"/>
                  <a:pt x="172764" y="2470473"/>
                </a:cubicBezTo>
                <a:cubicBezTo>
                  <a:pt x="163995" y="2465814"/>
                  <a:pt x="160649" y="2454942"/>
                  <a:pt x="165279" y="2446160"/>
                </a:cubicBezTo>
                <a:lnTo>
                  <a:pt x="165279" y="2446160"/>
                </a:lnTo>
                <a:cubicBezTo>
                  <a:pt x="170103" y="2437489"/>
                  <a:pt x="180900" y="2434156"/>
                  <a:pt x="189776" y="2438594"/>
                </a:cubicBezTo>
                <a:cubicBezTo>
                  <a:pt x="1976965" y="3397274"/>
                  <a:pt x="3100189" y="5252357"/>
                  <a:pt x="3120833" y="7279432"/>
                </a:cubicBezTo>
                <a:cubicBezTo>
                  <a:pt x="3123657" y="7826738"/>
                  <a:pt x="3044850" y="8371400"/>
                  <a:pt x="2887006" y="8895481"/>
                </a:cubicBezTo>
                <a:cubicBezTo>
                  <a:pt x="2884020" y="8905003"/>
                  <a:pt x="2873991" y="8910443"/>
                  <a:pt x="2864380" y="8907723"/>
                </a:cubicBezTo>
                <a:close/>
                <a:moveTo>
                  <a:pt x="2767667" y="8874568"/>
                </a:moveTo>
                <a:cubicBezTo>
                  <a:pt x="2758081" y="8871678"/>
                  <a:pt x="2752620" y="8861647"/>
                  <a:pt x="2755478" y="8852040"/>
                </a:cubicBezTo>
                <a:cubicBezTo>
                  <a:pt x="2755487" y="8852040"/>
                  <a:pt x="2755495" y="8851955"/>
                  <a:pt x="2755504" y="8851955"/>
                </a:cubicBezTo>
                <a:cubicBezTo>
                  <a:pt x="2909300" y="8340329"/>
                  <a:pt x="2985759" y="7808622"/>
                  <a:pt x="2982357" y="7274416"/>
                </a:cubicBezTo>
                <a:cubicBezTo>
                  <a:pt x="2959859" y="5297777"/>
                  <a:pt x="1862288" y="3490174"/>
                  <a:pt x="118326" y="2557609"/>
                </a:cubicBezTo>
                <a:cubicBezTo>
                  <a:pt x="109541" y="2552916"/>
                  <a:pt x="106228" y="2541992"/>
                  <a:pt x="110926" y="2533211"/>
                </a:cubicBezTo>
                <a:cubicBezTo>
                  <a:pt x="115624" y="2524429"/>
                  <a:pt x="126553" y="2521122"/>
                  <a:pt x="135338" y="2525815"/>
                </a:cubicBezTo>
                <a:lnTo>
                  <a:pt x="135338" y="2525815"/>
                </a:lnTo>
                <a:cubicBezTo>
                  <a:pt x="1891106" y="3464467"/>
                  <a:pt x="2996170" y="5284168"/>
                  <a:pt x="3018847" y="7274076"/>
                </a:cubicBezTo>
                <a:cubicBezTo>
                  <a:pt x="3022037" y="7811955"/>
                  <a:pt x="2944888" y="8347300"/>
                  <a:pt x="2789953" y="8862413"/>
                </a:cubicBezTo>
                <a:cubicBezTo>
                  <a:pt x="2787741" y="8869978"/>
                  <a:pt x="2780826" y="8875164"/>
                  <a:pt x="2772941" y="8875249"/>
                </a:cubicBezTo>
                <a:cubicBezTo>
                  <a:pt x="2771155" y="8875333"/>
                  <a:pt x="2769377" y="8875079"/>
                  <a:pt x="2767667" y="8874568"/>
                </a:cubicBezTo>
                <a:close/>
                <a:moveTo>
                  <a:pt x="2670870" y="8841245"/>
                </a:moveTo>
                <a:cubicBezTo>
                  <a:pt x="2661309" y="8838269"/>
                  <a:pt x="2655891" y="8828238"/>
                  <a:pt x="2658706" y="8818632"/>
                </a:cubicBezTo>
                <a:cubicBezTo>
                  <a:pt x="2809253" y="8315948"/>
                  <a:pt x="2883790" y="7793601"/>
                  <a:pt x="2879861" y="7268890"/>
                </a:cubicBezTo>
                <a:cubicBezTo>
                  <a:pt x="2855270" y="5329435"/>
                  <a:pt x="1776055" y="3557196"/>
                  <a:pt x="63718" y="2644319"/>
                </a:cubicBezTo>
                <a:cubicBezTo>
                  <a:pt x="55232" y="2639023"/>
                  <a:pt x="52652" y="2627853"/>
                  <a:pt x="57954" y="2619369"/>
                </a:cubicBezTo>
                <a:cubicBezTo>
                  <a:pt x="62749" y="2611701"/>
                  <a:pt x="72472" y="2608743"/>
                  <a:pt x="80730" y="2612441"/>
                </a:cubicBezTo>
                <a:lnTo>
                  <a:pt x="80730" y="2612441"/>
                </a:lnTo>
                <a:cubicBezTo>
                  <a:pt x="1804873" y="3531489"/>
                  <a:pt x="2891531" y="5315876"/>
                  <a:pt x="2916266" y="7268636"/>
                </a:cubicBezTo>
                <a:cubicBezTo>
                  <a:pt x="2920179" y="7796976"/>
                  <a:pt x="2845063" y="8322936"/>
                  <a:pt x="2693411" y="8829088"/>
                </a:cubicBezTo>
                <a:cubicBezTo>
                  <a:pt x="2691182" y="8836654"/>
                  <a:pt x="2684284" y="8841925"/>
                  <a:pt x="2676399" y="8842010"/>
                </a:cubicBezTo>
                <a:cubicBezTo>
                  <a:pt x="2674638" y="8842010"/>
                  <a:pt x="2672894" y="8841755"/>
                  <a:pt x="2671210" y="8841245"/>
                </a:cubicBezTo>
                <a:close/>
                <a:moveTo>
                  <a:pt x="2574158" y="8807920"/>
                </a:moveTo>
                <a:cubicBezTo>
                  <a:pt x="2564605" y="8805116"/>
                  <a:pt x="2559136" y="8795084"/>
                  <a:pt x="2561952" y="8785563"/>
                </a:cubicBezTo>
                <a:cubicBezTo>
                  <a:pt x="2561960" y="8785478"/>
                  <a:pt x="2561977" y="8785478"/>
                  <a:pt x="2561994" y="8785393"/>
                </a:cubicBezTo>
                <a:lnTo>
                  <a:pt x="2561994" y="8785393"/>
                </a:lnTo>
                <a:cubicBezTo>
                  <a:pt x="2709436" y="8291754"/>
                  <a:pt x="2782178" y="7778852"/>
                  <a:pt x="2777789" y="7263705"/>
                </a:cubicBezTo>
                <a:cubicBezTo>
                  <a:pt x="2751098" y="5361502"/>
                  <a:pt x="1690238" y="3624695"/>
                  <a:pt x="9535" y="2731625"/>
                </a:cubicBezTo>
                <a:cubicBezTo>
                  <a:pt x="751" y="2726933"/>
                  <a:pt x="-2563" y="2716009"/>
                  <a:pt x="2135" y="2707227"/>
                </a:cubicBezTo>
                <a:cubicBezTo>
                  <a:pt x="6833" y="2698446"/>
                  <a:pt x="17762" y="2695139"/>
                  <a:pt x="26547" y="2699831"/>
                </a:cubicBezTo>
                <a:cubicBezTo>
                  <a:pt x="1718937" y="3598945"/>
                  <a:pt x="2787163" y="5347755"/>
                  <a:pt x="2813940" y="7263110"/>
                </a:cubicBezTo>
                <a:cubicBezTo>
                  <a:pt x="2818363" y="7781963"/>
                  <a:pt x="2745135" y="8298555"/>
                  <a:pt x="2596698" y="8795764"/>
                </a:cubicBezTo>
                <a:cubicBezTo>
                  <a:pt x="2594444" y="8803330"/>
                  <a:pt x="2587563" y="8808515"/>
                  <a:pt x="2579686" y="8808685"/>
                </a:cubicBezTo>
                <a:cubicBezTo>
                  <a:pt x="2577781" y="8808855"/>
                  <a:pt x="2575867" y="8808600"/>
                  <a:pt x="2574072" y="8807920"/>
                </a:cubicBezTo>
                <a:close/>
              </a:path>
            </a:pathLst>
          </a:custGeom>
          <a:gradFill flip="none" rotWithShape="1">
            <a:gsLst>
              <a:gs pos="0">
                <a:schemeClr val="accent1">
                  <a:alpha val="0"/>
                </a:schemeClr>
              </a:gs>
              <a:gs pos="99000">
                <a:schemeClr val="tx2"/>
              </a:gs>
            </a:gsLst>
            <a:lin ang="16200000" scaled="1"/>
            <a:tileRect/>
          </a:gradFill>
          <a:ln w="8497"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9" name="Text 1">
            <a:extLst>
              <a:ext uri="{FF2B5EF4-FFF2-40B4-BE49-F238E27FC236}">
                <a16:creationId xmlns:a16="http://schemas.microsoft.com/office/drawing/2014/main" id="{386A0DF1-AF22-4973-8CF6-9FB9DE4FE761}"/>
              </a:ext>
            </a:extLst>
          </p:cNvPr>
          <p:cNvSpPr>
            <a:spLocks noGrp="1"/>
          </p:cNvSpPr>
          <p:nvPr>
            <p:ph type="body" sz="quarter" idx="10"/>
          </p:nvPr>
        </p:nvSpPr>
        <p:spPr>
          <a:xfrm>
            <a:off x="3925742" y="2340915"/>
            <a:ext cx="5833898" cy="2185214"/>
          </a:xfrm>
        </p:spPr>
        <p:txBody>
          <a:bodyPr vert="horz" wrap="square" lIns="91440" tIns="45720" rIns="91440" bIns="45720" rtlCol="0">
            <a:spAutoFit/>
          </a:bodyPr>
          <a:lstStyle/>
          <a:p>
            <a:pPr>
              <a:lnSpc>
                <a:spcPct val="100000"/>
              </a:lnSpc>
              <a:buClr>
                <a:schemeClr val="accent2"/>
              </a:buClr>
              <a:buSzPct val="100000"/>
            </a:pPr>
            <a:r>
              <a:rPr lang="en-US" sz="2400" dirty="0">
                <a:solidFill>
                  <a:schemeClr val="bg1"/>
                </a:solidFill>
              </a:rPr>
              <a:t>The Value of Autobooks Capital</a:t>
            </a:r>
          </a:p>
          <a:p>
            <a:pPr>
              <a:lnSpc>
                <a:spcPct val="100000"/>
              </a:lnSpc>
              <a:buClr>
                <a:schemeClr val="accent2"/>
              </a:buClr>
              <a:buSzPct val="100000"/>
            </a:pPr>
            <a:r>
              <a:rPr lang="en-US" sz="2400" dirty="0">
                <a:solidFill>
                  <a:schemeClr val="bg1"/>
                </a:solidFill>
              </a:rPr>
              <a:t>Qualification &amp; Approval</a:t>
            </a:r>
          </a:p>
          <a:p>
            <a:pPr>
              <a:lnSpc>
                <a:spcPct val="100000"/>
              </a:lnSpc>
              <a:buClr>
                <a:schemeClr val="accent2"/>
              </a:buClr>
              <a:buSzPct val="100000"/>
            </a:pPr>
            <a:r>
              <a:rPr lang="en-US" sz="2400" dirty="0">
                <a:solidFill>
                  <a:schemeClr val="bg1"/>
                </a:solidFill>
              </a:rPr>
              <a:t>Taking a draw and repayment</a:t>
            </a:r>
          </a:p>
          <a:p>
            <a:pPr>
              <a:lnSpc>
                <a:spcPct val="100000"/>
              </a:lnSpc>
              <a:buClr>
                <a:schemeClr val="accent2"/>
              </a:buClr>
              <a:buSzPct val="100000"/>
            </a:pPr>
            <a:r>
              <a:rPr lang="en-US" sz="2400" dirty="0">
                <a:solidFill>
                  <a:schemeClr val="bg1"/>
                </a:solidFill>
              </a:rPr>
              <a:t>Available Resources and Support</a:t>
            </a:r>
          </a:p>
        </p:txBody>
      </p:sp>
      <p:sp>
        <p:nvSpPr>
          <p:cNvPr id="13" name="Title">
            <a:extLst>
              <a:ext uri="{FF2B5EF4-FFF2-40B4-BE49-F238E27FC236}">
                <a16:creationId xmlns:a16="http://schemas.microsoft.com/office/drawing/2014/main" id="{94C33810-5201-363F-D756-38939E143D75}"/>
              </a:ext>
            </a:extLst>
          </p:cNvPr>
          <p:cNvSpPr txBox="1">
            <a:spLocks/>
          </p:cNvSpPr>
          <p:nvPr/>
        </p:nvSpPr>
        <p:spPr>
          <a:xfrm>
            <a:off x="3925741" y="1380648"/>
            <a:ext cx="4968027" cy="707886"/>
          </a:xfrm>
          <a:prstGeom prst="rect">
            <a:avLst/>
          </a:prstGeom>
        </p:spPr>
        <p:txBody>
          <a:bodyPr vert="horz" wrap="none" lIns="91440" tIns="45720" rIns="91440" bIns="45720" rtlCol="0" anchor="b">
            <a:spAutoFit/>
          </a:bodyPr>
          <a:lstStyle>
            <a:defPPr>
              <a:defRPr lang="en-US"/>
            </a:defPPr>
            <a:lvl1pPr defTabSz="914377">
              <a:lnSpc>
                <a:spcPts val="6000"/>
              </a:lnSpc>
              <a:spcBef>
                <a:spcPct val="0"/>
              </a:spcBef>
              <a:buNone/>
              <a:defRPr sz="4000" b="1" i="0">
                <a:solidFill>
                  <a:schemeClr val="bg1"/>
                </a:solidFill>
                <a:latin typeface="+mj-lt"/>
                <a:ea typeface="+mj-ea"/>
                <a:cs typeface="+mj-cs"/>
              </a:defRPr>
            </a:lvl1pPr>
          </a:lstStyle>
          <a:p>
            <a:pPr>
              <a:lnSpc>
                <a:spcPct val="100000"/>
              </a:lnSpc>
            </a:pPr>
            <a:r>
              <a:rPr lang="en-US" dirty="0"/>
              <a:t>What You’ll Learn</a:t>
            </a:r>
            <a:endParaRPr lang="ru-RU" dirty="0"/>
          </a:p>
        </p:txBody>
      </p:sp>
      <p:pic>
        <p:nvPicPr>
          <p:cNvPr id="10" name="Graphic 9">
            <a:extLst>
              <a:ext uri="{FF2B5EF4-FFF2-40B4-BE49-F238E27FC236}">
                <a16:creationId xmlns:a16="http://schemas.microsoft.com/office/drawing/2014/main" id="{547398C4-2B90-6526-625C-2385575ED979}"/>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rot="5786008">
            <a:off x="-1709193" y="245611"/>
            <a:ext cx="5025164" cy="5070435"/>
          </a:xfrm>
          <a:prstGeom prst="rect">
            <a:avLst/>
          </a:prstGeom>
        </p:spPr>
      </p:pic>
      <p:pic>
        <p:nvPicPr>
          <p:cNvPr id="5" name="Picture 4">
            <a:extLst>
              <a:ext uri="{FF2B5EF4-FFF2-40B4-BE49-F238E27FC236}">
                <a16:creationId xmlns:a16="http://schemas.microsoft.com/office/drawing/2014/main" id="{791E5459-B6D0-96BF-3E23-6509F3C4DA66}"/>
              </a:ext>
            </a:extLst>
          </p:cNvPr>
          <p:cNvPicPr>
            <a:picLocks noChangeAspect="1"/>
          </p:cNvPicPr>
          <p:nvPr>
            <p:custDataLst>
              <p:tags r:id="rId2"/>
            </p:custDataLst>
          </p:nvPr>
        </p:nvPicPr>
        <p:blipFill>
          <a:blip r:embed="rId9"/>
          <a:stretch>
            <a:fillRect/>
          </a:stretch>
        </p:blipFill>
        <p:spPr>
          <a:xfrm flipH="1">
            <a:off x="1799307" y="1593376"/>
            <a:ext cx="1901780" cy="4572000"/>
          </a:xfrm>
          <a:prstGeom prst="rect">
            <a:avLst/>
          </a:prstGeom>
        </p:spPr>
      </p:pic>
    </p:spTree>
    <p:custDataLst>
      <p:tags r:id="rId1"/>
    </p:custDataLst>
    <p:extLst>
      <p:ext uri="{BB962C8B-B14F-4D97-AF65-F5344CB8AC3E}">
        <p14:creationId xmlns:p14="http://schemas.microsoft.com/office/powerpoint/2010/main" val="82050100"/>
      </p:ext>
    </p:extLst>
  </p:cSld>
  <p:clrMapOvr>
    <a:masterClrMapping/>
  </p:clrMapOvr>
  <mc:AlternateContent xmlns:mc="http://schemas.openxmlformats.org/markup-compatibility/2006" xmlns:p159="http://schemas.microsoft.com/office/powerpoint/2015/09/main">
    <mc:Choice Requires="p159">
      <p:transition spd="slow">
        <p159:morph option="byObjec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Graphic 2">
            <a:extLst>
              <a:ext uri="{FF2B5EF4-FFF2-40B4-BE49-F238E27FC236}">
                <a16:creationId xmlns:a16="http://schemas.microsoft.com/office/drawing/2014/main" id="{451AE863-5724-3991-743C-16882EAE14C3}"/>
              </a:ext>
            </a:extLst>
          </p:cNvPr>
          <p:cNvPicPr>
            <a:picLocks noChangeAspect="1"/>
          </p:cNvPicPr>
          <p:nvPr/>
        </p:nvPicPr>
        <p:blipFill>
          <a:blip r:embed="rId3">
            <a:extLst>
              <a:ext uri="{28A0092B-C50C-407E-A947-70E740481C1C}">
                <a14:useLocalDpi xmlns:a14="http://schemas.microsoft.com/office/drawing/2010/main"/>
              </a:ext>
              <a:ext uri="{96DAC541-7B7A-43D3-8B79-37D633B846F1}">
                <asvg:svgBlip xmlns:asvg="http://schemas.microsoft.com/office/drawing/2016/SVG/main" r:embed="rId4"/>
              </a:ext>
            </a:extLst>
          </a:blip>
          <a:srcRect t="44662"/>
          <a:stretch>
            <a:fillRect/>
          </a:stretch>
        </p:blipFill>
        <p:spPr>
          <a:xfrm rot="12600000" flipH="1" flipV="1">
            <a:off x="7604666" y="-496384"/>
            <a:ext cx="5981677" cy="5441683"/>
          </a:xfrm>
          <a:custGeom>
            <a:avLst/>
            <a:gdLst>
              <a:gd name="connsiteX0" fmla="*/ 4486258 w 4486258"/>
              <a:gd name="connsiteY0" fmla="*/ 4081262 h 4081262"/>
              <a:gd name="connsiteX1" fmla="*/ 0 w 4486258"/>
              <a:gd name="connsiteY1" fmla="*/ 4081262 h 4081262"/>
              <a:gd name="connsiteX2" fmla="*/ 0 w 4486258"/>
              <a:gd name="connsiteY2" fmla="*/ 1412885 h 4081262"/>
              <a:gd name="connsiteX3" fmla="*/ 2447189 w 4486258"/>
              <a:gd name="connsiteY3" fmla="*/ 0 h 4081262"/>
              <a:gd name="connsiteX4" fmla="*/ 4486258 w 4486258"/>
              <a:gd name="connsiteY4" fmla="*/ 3531771 h 40812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6258" h="4081262">
                <a:moveTo>
                  <a:pt x="4486258" y="4081262"/>
                </a:moveTo>
                <a:lnTo>
                  <a:pt x="0" y="4081262"/>
                </a:lnTo>
                <a:lnTo>
                  <a:pt x="0" y="1412885"/>
                </a:lnTo>
                <a:lnTo>
                  <a:pt x="2447189" y="0"/>
                </a:lnTo>
                <a:lnTo>
                  <a:pt x="4486258" y="3531771"/>
                </a:lnTo>
                <a:close/>
              </a:path>
            </a:pathLst>
          </a:custGeom>
        </p:spPr>
      </p:pic>
      <p:sp>
        <p:nvSpPr>
          <p:cNvPr id="4" name="Freeform 3">
            <a:extLst>
              <a:ext uri="{FF2B5EF4-FFF2-40B4-BE49-F238E27FC236}">
                <a16:creationId xmlns:a16="http://schemas.microsoft.com/office/drawing/2014/main" id="{B0C1386F-0F9C-81B1-1B4A-5A7E9DA93685}"/>
              </a:ext>
            </a:extLst>
          </p:cNvPr>
          <p:cNvSpPr/>
          <p:nvPr/>
        </p:nvSpPr>
        <p:spPr>
          <a:xfrm rot="1800000" flipV="1">
            <a:off x="-1440038" y="-441630"/>
            <a:ext cx="5563380" cy="7484031"/>
          </a:xfrm>
          <a:custGeom>
            <a:avLst/>
            <a:gdLst>
              <a:gd name="connsiteX0" fmla="*/ 62272 w 4172535"/>
              <a:gd name="connsiteY0" fmla="*/ 4346544 h 5613023"/>
              <a:gd name="connsiteX1" fmla="*/ 0 w 4172535"/>
              <a:gd name="connsiteY1" fmla="*/ 4454402 h 5613023"/>
              <a:gd name="connsiteX2" fmla="*/ 18829 w 4172535"/>
              <a:gd name="connsiteY2" fmla="*/ 4465272 h 5613023"/>
              <a:gd name="connsiteX3" fmla="*/ 227587 w 4172535"/>
              <a:gd name="connsiteY3" fmla="*/ 4060210 h 5613023"/>
              <a:gd name="connsiteX4" fmla="*/ 168293 w 4172535"/>
              <a:gd name="connsiteY4" fmla="*/ 4162910 h 5613023"/>
              <a:gd name="connsiteX5" fmla="*/ 112739 w 4172535"/>
              <a:gd name="connsiteY5" fmla="*/ 4351897 h 5613023"/>
              <a:gd name="connsiteX6" fmla="*/ 62003 w 4172535"/>
              <a:gd name="connsiteY6" fmla="*/ 4490199 h 5613023"/>
              <a:gd name="connsiteX7" fmla="*/ 84982 w 4172535"/>
              <a:gd name="connsiteY7" fmla="*/ 4503466 h 5613023"/>
              <a:gd name="connsiteX8" fmla="*/ 124252 w 4172535"/>
              <a:gd name="connsiteY8" fmla="*/ 4399870 h 5613023"/>
              <a:gd name="connsiteX9" fmla="*/ 180222 w 4172535"/>
              <a:gd name="connsiteY9" fmla="*/ 4229554 h 5613023"/>
              <a:gd name="connsiteX10" fmla="*/ 349361 w 4172535"/>
              <a:gd name="connsiteY10" fmla="*/ 3849291 h 5613023"/>
              <a:gd name="connsiteX11" fmla="*/ 307256 w 4172535"/>
              <a:gd name="connsiteY11" fmla="*/ 3922220 h 5613023"/>
              <a:gd name="connsiteX12" fmla="*/ 283428 w 4172535"/>
              <a:gd name="connsiteY12" fmla="*/ 4040264 h 5613023"/>
              <a:gd name="connsiteX13" fmla="*/ 183540 w 4172535"/>
              <a:gd name="connsiteY13" fmla="*/ 4379328 h 5613023"/>
              <a:gd name="connsiteX14" fmla="*/ 128676 w 4172535"/>
              <a:gd name="connsiteY14" fmla="*/ 4528693 h 5613023"/>
              <a:gd name="connsiteX15" fmla="*/ 152243 w 4172535"/>
              <a:gd name="connsiteY15" fmla="*/ 4542299 h 5613023"/>
              <a:gd name="connsiteX16" fmla="*/ 209006 w 4172535"/>
              <a:gd name="connsiteY16" fmla="*/ 4387761 h 5613023"/>
              <a:gd name="connsiteX17" fmla="*/ 309560 w 4172535"/>
              <a:gd name="connsiteY17" fmla="*/ 4046452 h 5613023"/>
              <a:gd name="connsiteX18" fmla="*/ 460489 w 4172535"/>
              <a:gd name="connsiteY18" fmla="*/ 3656812 h 5613023"/>
              <a:gd name="connsiteX19" fmla="*/ 425731 w 4172535"/>
              <a:gd name="connsiteY19" fmla="*/ 3717014 h 5613023"/>
              <a:gd name="connsiteX20" fmla="*/ 423446 w 4172535"/>
              <a:gd name="connsiteY20" fmla="*/ 3733199 h 5613023"/>
              <a:gd name="connsiteX21" fmla="*/ 241141 w 4172535"/>
              <a:gd name="connsiteY21" fmla="*/ 4442964 h 5613023"/>
              <a:gd name="connsiteX22" fmla="*/ 194261 w 4172535"/>
              <a:gd name="connsiteY22" fmla="*/ 4566558 h 5613023"/>
              <a:gd name="connsiteX23" fmla="*/ 218622 w 4172535"/>
              <a:gd name="connsiteY23" fmla="*/ 4580623 h 5613023"/>
              <a:gd name="connsiteX24" fmla="*/ 279664 w 4172535"/>
              <a:gd name="connsiteY24" fmla="*/ 4414785 h 5613023"/>
              <a:gd name="connsiteX25" fmla="*/ 453991 w 4172535"/>
              <a:gd name="connsiteY25" fmla="*/ 3714024 h 5613023"/>
              <a:gd name="connsiteX26" fmla="*/ 558967 w 4172535"/>
              <a:gd name="connsiteY26" fmla="*/ 3486243 h 5613023"/>
              <a:gd name="connsiteX27" fmla="*/ 521924 w 4172535"/>
              <a:gd name="connsiteY27" fmla="*/ 3550404 h 5613023"/>
              <a:gd name="connsiteX28" fmla="*/ 501745 w 4172535"/>
              <a:gd name="connsiteY28" fmla="*/ 3726361 h 5613023"/>
              <a:gd name="connsiteX29" fmla="*/ 262099 w 4172535"/>
              <a:gd name="connsiteY29" fmla="*/ 4604829 h 5613023"/>
              <a:gd name="connsiteX30" fmla="*/ 261797 w 4172535"/>
              <a:gd name="connsiteY30" fmla="*/ 4605550 h 5613023"/>
              <a:gd name="connsiteX31" fmla="*/ 284764 w 4172535"/>
              <a:gd name="connsiteY31" fmla="*/ 4618810 h 5613023"/>
              <a:gd name="connsiteX32" fmla="*/ 338219 w 4172535"/>
              <a:gd name="connsiteY32" fmla="*/ 4477990 h 5613023"/>
              <a:gd name="connsiteX33" fmla="*/ 551110 w 4172535"/>
              <a:gd name="connsiteY33" fmla="*/ 3567414 h 5613023"/>
              <a:gd name="connsiteX34" fmla="*/ 646622 w 4172535"/>
              <a:gd name="connsiteY34" fmla="*/ 3334420 h 5613023"/>
              <a:gd name="connsiteX35" fmla="*/ 617832 w 4172535"/>
              <a:gd name="connsiteY35" fmla="*/ 3384285 h 5613023"/>
              <a:gd name="connsiteX36" fmla="*/ 617588 w 4172535"/>
              <a:gd name="connsiteY36" fmla="*/ 3388871 h 5613023"/>
              <a:gd name="connsiteX37" fmla="*/ 383935 w 4172535"/>
              <a:gd name="connsiteY37" fmla="*/ 4495223 h 5613023"/>
              <a:gd name="connsiteX38" fmla="*/ 327609 w 4172535"/>
              <a:gd name="connsiteY38" fmla="*/ 4643547 h 5613023"/>
              <a:gd name="connsiteX39" fmla="*/ 351451 w 4172535"/>
              <a:gd name="connsiteY39" fmla="*/ 4657312 h 5613023"/>
              <a:gd name="connsiteX40" fmla="*/ 356846 w 4172535"/>
              <a:gd name="connsiteY40" fmla="*/ 4644448 h 5613023"/>
              <a:gd name="connsiteX41" fmla="*/ 645446 w 4172535"/>
              <a:gd name="connsiteY41" fmla="*/ 3375903 h 5613023"/>
              <a:gd name="connsiteX42" fmla="*/ 730691 w 4172535"/>
              <a:gd name="connsiteY42" fmla="*/ 3188808 h 5613023"/>
              <a:gd name="connsiteX43" fmla="*/ 701380 w 4172535"/>
              <a:gd name="connsiteY43" fmla="*/ 3239577 h 5613023"/>
              <a:gd name="connsiteX44" fmla="*/ 693921 w 4172535"/>
              <a:gd name="connsiteY44" fmla="*/ 3384923 h 5613023"/>
              <a:gd name="connsiteX45" fmla="*/ 401748 w 4172535"/>
              <a:gd name="connsiteY45" fmla="*/ 4664677 h 5613023"/>
              <a:gd name="connsiteX46" fmla="*/ 394422 w 4172535"/>
              <a:gd name="connsiteY46" fmla="*/ 4682121 h 5613023"/>
              <a:gd name="connsiteX47" fmla="*/ 417745 w 4172535"/>
              <a:gd name="connsiteY47" fmla="*/ 4695587 h 5613023"/>
              <a:gd name="connsiteX48" fmla="*/ 426742 w 4172535"/>
              <a:gd name="connsiteY48" fmla="*/ 4674163 h 5613023"/>
              <a:gd name="connsiteX49" fmla="*/ 730628 w 4172535"/>
              <a:gd name="connsiteY49" fmla="*/ 3196832 h 5613023"/>
              <a:gd name="connsiteX50" fmla="*/ 807330 w 4172535"/>
              <a:gd name="connsiteY50" fmla="*/ 3056065 h 5613023"/>
              <a:gd name="connsiteX51" fmla="*/ 780192 w 4172535"/>
              <a:gd name="connsiteY51" fmla="*/ 3103069 h 5613023"/>
              <a:gd name="connsiteX52" fmla="*/ 779253 w 4172535"/>
              <a:gd name="connsiteY52" fmla="*/ 3204287 h 5613023"/>
              <a:gd name="connsiteX53" fmla="*/ 471308 w 4172535"/>
              <a:gd name="connsiteY53" fmla="*/ 4694560 h 5613023"/>
              <a:gd name="connsiteX54" fmla="*/ 460496 w 4172535"/>
              <a:gd name="connsiteY54" fmla="*/ 4720269 h 5613023"/>
              <a:gd name="connsiteX55" fmla="*/ 483934 w 4172535"/>
              <a:gd name="connsiteY55" fmla="*/ 4733801 h 5613023"/>
              <a:gd name="connsiteX56" fmla="*/ 496454 w 4172535"/>
              <a:gd name="connsiteY56" fmla="*/ 4704018 h 5613023"/>
              <a:gd name="connsiteX57" fmla="*/ 805972 w 4172535"/>
              <a:gd name="connsiteY57" fmla="*/ 3204773 h 5613023"/>
              <a:gd name="connsiteX58" fmla="*/ 880907 w 4172535"/>
              <a:gd name="connsiteY58" fmla="*/ 2928626 h 5613023"/>
              <a:gd name="connsiteX59" fmla="*/ 855645 w 4172535"/>
              <a:gd name="connsiteY59" fmla="*/ 2972382 h 5613023"/>
              <a:gd name="connsiteX60" fmla="*/ 857303 w 4172535"/>
              <a:gd name="connsiteY60" fmla="*/ 3024249 h 5613023"/>
              <a:gd name="connsiteX61" fmla="*/ 528139 w 4172535"/>
              <a:gd name="connsiteY61" fmla="*/ 4758033 h 5613023"/>
              <a:gd name="connsiteX62" fmla="*/ 527694 w 4172535"/>
              <a:gd name="connsiteY62" fmla="*/ 4759066 h 5613023"/>
              <a:gd name="connsiteX63" fmla="*/ 550219 w 4172535"/>
              <a:gd name="connsiteY63" fmla="*/ 4772071 h 5613023"/>
              <a:gd name="connsiteX64" fmla="*/ 566273 w 4172535"/>
              <a:gd name="connsiteY64" fmla="*/ 4733930 h 5613023"/>
              <a:gd name="connsiteX65" fmla="*/ 883807 w 4172535"/>
              <a:gd name="connsiteY65" fmla="*/ 3016712 h 5613023"/>
              <a:gd name="connsiteX66" fmla="*/ 951864 w 4172535"/>
              <a:gd name="connsiteY66" fmla="*/ 2805726 h 5613023"/>
              <a:gd name="connsiteX67" fmla="*/ 927413 w 4172535"/>
              <a:gd name="connsiteY67" fmla="*/ 2848077 h 5613023"/>
              <a:gd name="connsiteX68" fmla="*/ 932896 w 4172535"/>
              <a:gd name="connsiteY68" fmla="*/ 3022413 h 5613023"/>
              <a:gd name="connsiteX69" fmla="*/ 610957 w 4172535"/>
              <a:gd name="connsiteY69" fmla="*/ 4754281 h 5613023"/>
              <a:gd name="connsiteX70" fmla="*/ 593042 w 4172535"/>
              <a:gd name="connsiteY70" fmla="*/ 4796794 h 5613023"/>
              <a:gd name="connsiteX71" fmla="*/ 616824 w 4172535"/>
              <a:gd name="connsiteY71" fmla="*/ 4810525 h 5613023"/>
              <a:gd name="connsiteX72" fmla="*/ 622931 w 4172535"/>
              <a:gd name="connsiteY72" fmla="*/ 4796343 h 5613023"/>
              <a:gd name="connsiteX73" fmla="*/ 953346 w 4172535"/>
              <a:gd name="connsiteY73" fmla="*/ 2825539 h 5613023"/>
              <a:gd name="connsiteX74" fmla="*/ 1019429 w 4172535"/>
              <a:gd name="connsiteY74" fmla="*/ 2688699 h 5613023"/>
              <a:gd name="connsiteX75" fmla="*/ 995719 w 4172535"/>
              <a:gd name="connsiteY75" fmla="*/ 2729766 h 5613023"/>
              <a:gd name="connsiteX76" fmla="*/ 1003014 w 4172535"/>
              <a:gd name="connsiteY76" fmla="*/ 2828894 h 5613023"/>
              <a:gd name="connsiteX77" fmla="*/ 667785 w 4172535"/>
              <a:gd name="connsiteY77" fmla="*/ 4814483 h 5613023"/>
              <a:gd name="connsiteX78" fmla="*/ 659007 w 4172535"/>
              <a:gd name="connsiteY78" fmla="*/ 4834879 h 5613023"/>
              <a:gd name="connsiteX79" fmla="*/ 682690 w 4172535"/>
              <a:gd name="connsiteY79" fmla="*/ 4848553 h 5613023"/>
              <a:gd name="connsiteX80" fmla="*/ 705857 w 4172535"/>
              <a:gd name="connsiteY80" fmla="*/ 4793626 h 5613023"/>
              <a:gd name="connsiteX81" fmla="*/ 1029449 w 4172535"/>
              <a:gd name="connsiteY81" fmla="*/ 2824510 h 5613023"/>
              <a:gd name="connsiteX82" fmla="*/ 1087606 w 4172535"/>
              <a:gd name="connsiteY82" fmla="*/ 2570614 h 5613023"/>
              <a:gd name="connsiteX83" fmla="*/ 1063055 w 4172535"/>
              <a:gd name="connsiteY83" fmla="*/ 2613137 h 5613023"/>
              <a:gd name="connsiteX84" fmla="*/ 1063756 w 4172535"/>
              <a:gd name="connsiteY84" fmla="*/ 2624143 h 5613023"/>
              <a:gd name="connsiteX85" fmla="*/ 750752 w 4172535"/>
              <a:gd name="connsiteY85" fmla="*/ 4813477 h 5613023"/>
              <a:gd name="connsiteX86" fmla="*/ 725512 w 4172535"/>
              <a:gd name="connsiteY86" fmla="*/ 4873276 h 5613023"/>
              <a:gd name="connsiteX87" fmla="*/ 748940 w 4172535"/>
              <a:gd name="connsiteY87" fmla="*/ 4886803 h 5613023"/>
              <a:gd name="connsiteX88" fmla="*/ 775752 w 4172535"/>
              <a:gd name="connsiteY88" fmla="*/ 4823294 h 5613023"/>
              <a:gd name="connsiteX89" fmla="*/ 1090844 w 4172535"/>
              <a:gd name="connsiteY89" fmla="*/ 2621241 h 5613023"/>
              <a:gd name="connsiteX90" fmla="*/ 1156978 w 4172535"/>
              <a:gd name="connsiteY90" fmla="*/ 2450457 h 5613023"/>
              <a:gd name="connsiteX91" fmla="*/ 1131997 w 4172535"/>
              <a:gd name="connsiteY91" fmla="*/ 2493726 h 5613023"/>
              <a:gd name="connsiteX92" fmla="*/ 1140222 w 4172535"/>
              <a:gd name="connsiteY92" fmla="*/ 2623449 h 5613023"/>
              <a:gd name="connsiteX93" fmla="*/ 809298 w 4172535"/>
              <a:gd name="connsiteY93" fmla="*/ 4871887 h 5613023"/>
              <a:gd name="connsiteX94" fmla="*/ 792129 w 4172535"/>
              <a:gd name="connsiteY94" fmla="*/ 4911737 h 5613023"/>
              <a:gd name="connsiteX95" fmla="*/ 815134 w 4172535"/>
              <a:gd name="connsiteY95" fmla="*/ 4925020 h 5613023"/>
              <a:gd name="connsiteX96" fmla="*/ 845537 w 4172535"/>
              <a:gd name="connsiteY96" fmla="*/ 4853078 h 5613023"/>
              <a:gd name="connsiteX97" fmla="*/ 1166995 w 4172535"/>
              <a:gd name="connsiteY97" fmla="*/ 2620736 h 5613023"/>
              <a:gd name="connsiteX98" fmla="*/ 1156702 w 4172535"/>
              <a:gd name="connsiteY98" fmla="*/ 2459128 h 5613023"/>
              <a:gd name="connsiteX99" fmla="*/ 1238758 w 4172535"/>
              <a:gd name="connsiteY99" fmla="*/ 2308811 h 5613023"/>
              <a:gd name="connsiteX100" fmla="*/ 1209588 w 4172535"/>
              <a:gd name="connsiteY100" fmla="*/ 2359334 h 5613023"/>
              <a:gd name="connsiteX101" fmla="*/ 1207057 w 4172535"/>
              <a:gd name="connsiteY101" fmla="*/ 2478050 h 5613023"/>
              <a:gd name="connsiteX102" fmla="*/ 1216815 w 4172535"/>
              <a:gd name="connsiteY102" fmla="*/ 2622818 h 5613023"/>
              <a:gd name="connsiteX103" fmla="*/ 890528 w 4172535"/>
              <a:gd name="connsiteY103" fmla="*/ 4873252 h 5613023"/>
              <a:gd name="connsiteX104" fmla="*/ 858123 w 4172535"/>
              <a:gd name="connsiteY104" fmla="*/ 4949839 h 5613023"/>
              <a:gd name="connsiteX105" fmla="*/ 881493 w 4172535"/>
              <a:gd name="connsiteY105" fmla="*/ 4963332 h 5613023"/>
              <a:gd name="connsiteX106" fmla="*/ 915426 w 4172535"/>
              <a:gd name="connsiteY106" fmla="*/ 4883102 h 5613023"/>
              <a:gd name="connsiteX107" fmla="*/ 1243146 w 4172535"/>
              <a:gd name="connsiteY107" fmla="*/ 2620042 h 5613023"/>
              <a:gd name="connsiteX108" fmla="*/ 1238338 w 4172535"/>
              <a:gd name="connsiteY108" fmla="*/ 2312096 h 5613023"/>
              <a:gd name="connsiteX109" fmla="*/ 1344033 w 4172535"/>
              <a:gd name="connsiteY109" fmla="*/ 2126470 h 5613023"/>
              <a:gd name="connsiteX110" fmla="*/ 1303102 w 4172535"/>
              <a:gd name="connsiteY110" fmla="*/ 2197364 h 5613023"/>
              <a:gd name="connsiteX111" fmla="*/ 1287693 w 4172535"/>
              <a:gd name="connsiteY111" fmla="*/ 2320151 h 5613023"/>
              <a:gd name="connsiteX112" fmla="*/ 1292713 w 4172535"/>
              <a:gd name="connsiteY112" fmla="*/ 2622251 h 5613023"/>
              <a:gd name="connsiteX113" fmla="*/ 950323 w 4172535"/>
              <a:gd name="connsiteY113" fmla="*/ 4929610 h 5613023"/>
              <a:gd name="connsiteX114" fmla="*/ 924996 w 4172535"/>
              <a:gd name="connsiteY114" fmla="*/ 4988449 h 5613023"/>
              <a:gd name="connsiteX115" fmla="*/ 947558 w 4172535"/>
              <a:gd name="connsiteY115" fmla="*/ 5001474 h 5613023"/>
              <a:gd name="connsiteX116" fmla="*/ 985197 w 4172535"/>
              <a:gd name="connsiteY116" fmla="*/ 4912579 h 5613023"/>
              <a:gd name="connsiteX117" fmla="*/ 1319423 w 4172535"/>
              <a:gd name="connsiteY117" fmla="*/ 2619222 h 5613023"/>
              <a:gd name="connsiteX118" fmla="*/ 1332505 w 4172535"/>
              <a:gd name="connsiteY118" fmla="*/ 2178432 h 5613023"/>
              <a:gd name="connsiteX119" fmla="*/ 4156577 w 4172535"/>
              <a:gd name="connsiteY119" fmla="*/ 1830102 h 5613023"/>
              <a:gd name="connsiteX120" fmla="*/ 2923326 w 4172535"/>
              <a:gd name="connsiteY120" fmla="*/ 2069399 h 5613023"/>
              <a:gd name="connsiteX121" fmla="*/ 2511316 w 4172535"/>
              <a:gd name="connsiteY121" fmla="*/ 2611967 h 5613023"/>
              <a:gd name="connsiteX122" fmla="*/ 2076162 w 4172535"/>
              <a:gd name="connsiteY122" fmla="*/ 5382760 h 5613023"/>
              <a:gd name="connsiteX123" fmla="*/ 1983331 w 4172535"/>
              <a:gd name="connsiteY123" fmla="*/ 5599479 h 5613023"/>
              <a:gd name="connsiteX124" fmla="*/ 2006791 w 4172535"/>
              <a:gd name="connsiteY124" fmla="*/ 5613023 h 5613023"/>
              <a:gd name="connsiteX125" fmla="*/ 2101170 w 4172535"/>
              <a:gd name="connsiteY125" fmla="*/ 5392672 h 5613023"/>
              <a:gd name="connsiteX126" fmla="*/ 2538151 w 4172535"/>
              <a:gd name="connsiteY126" fmla="*/ 2609822 h 5613023"/>
              <a:gd name="connsiteX127" fmla="*/ 2928440 w 4172535"/>
              <a:gd name="connsiteY127" fmla="*/ 2095581 h 5613023"/>
              <a:gd name="connsiteX128" fmla="*/ 4161565 w 4172535"/>
              <a:gd name="connsiteY128" fmla="*/ 1856536 h 5613023"/>
              <a:gd name="connsiteX129" fmla="*/ 4172300 w 4172535"/>
              <a:gd name="connsiteY129" fmla="*/ 1840827 h 5613023"/>
              <a:gd name="connsiteX130" fmla="*/ 4156577 w 4172535"/>
              <a:gd name="connsiteY130" fmla="*/ 1830102 h 5613023"/>
              <a:gd name="connsiteX131" fmla="*/ 4142054 w 4172535"/>
              <a:gd name="connsiteY131" fmla="*/ 1755909 h 5613023"/>
              <a:gd name="connsiteX132" fmla="*/ 2900089 w 4172535"/>
              <a:gd name="connsiteY132" fmla="*/ 1996973 h 5613023"/>
              <a:gd name="connsiteX133" fmla="*/ 2435102 w 4172535"/>
              <a:gd name="connsiteY133" fmla="*/ 2612913 h 5613023"/>
              <a:gd name="connsiteX134" fmla="*/ 2006426 w 4172535"/>
              <a:gd name="connsiteY134" fmla="*/ 5352842 h 5613023"/>
              <a:gd name="connsiteX135" fmla="*/ 1917182 w 4172535"/>
              <a:gd name="connsiteY135" fmla="*/ 5561287 h 5613023"/>
              <a:gd name="connsiteX136" fmla="*/ 1940628 w 4172535"/>
              <a:gd name="connsiteY136" fmla="*/ 5574824 h 5613023"/>
              <a:gd name="connsiteX137" fmla="*/ 2031374 w 4172535"/>
              <a:gd name="connsiteY137" fmla="*/ 5362840 h 5613023"/>
              <a:gd name="connsiteX138" fmla="*/ 2461874 w 4172535"/>
              <a:gd name="connsiteY138" fmla="*/ 2610453 h 5613023"/>
              <a:gd name="connsiteX139" fmla="*/ 2905140 w 4172535"/>
              <a:gd name="connsiteY139" fmla="*/ 2022965 h 5613023"/>
              <a:gd name="connsiteX140" fmla="*/ 4147106 w 4172535"/>
              <a:gd name="connsiteY140" fmla="*/ 1782343 h 5613023"/>
              <a:gd name="connsiteX141" fmla="*/ 4157809 w 4172535"/>
              <a:gd name="connsiteY141" fmla="*/ 1766602 h 5613023"/>
              <a:gd name="connsiteX142" fmla="*/ 4142054 w 4172535"/>
              <a:gd name="connsiteY142" fmla="*/ 1755909 h 5613023"/>
              <a:gd name="connsiteX143" fmla="*/ 4127532 w 4172535"/>
              <a:gd name="connsiteY143" fmla="*/ 1681085 h 5613023"/>
              <a:gd name="connsiteX144" fmla="*/ 2876663 w 4172535"/>
              <a:gd name="connsiteY144" fmla="*/ 1923789 h 5613023"/>
              <a:gd name="connsiteX145" fmla="*/ 2358888 w 4172535"/>
              <a:gd name="connsiteY145" fmla="*/ 2612913 h 5613023"/>
              <a:gd name="connsiteX146" fmla="*/ 1936789 w 4172535"/>
              <a:gd name="connsiteY146" fmla="*/ 5322697 h 5613023"/>
              <a:gd name="connsiteX147" fmla="*/ 1851066 w 4172535"/>
              <a:gd name="connsiteY147" fmla="*/ 5523115 h 5613023"/>
              <a:gd name="connsiteX148" fmla="*/ 1874811 w 4172535"/>
              <a:gd name="connsiteY148" fmla="*/ 5536824 h 5613023"/>
              <a:gd name="connsiteX149" fmla="*/ 1961982 w 4172535"/>
              <a:gd name="connsiteY149" fmla="*/ 5333022 h 5613023"/>
              <a:gd name="connsiteX150" fmla="*/ 2386102 w 4172535"/>
              <a:gd name="connsiteY150" fmla="*/ 2611210 h 5613023"/>
              <a:gd name="connsiteX151" fmla="*/ 2882282 w 4172535"/>
              <a:gd name="connsiteY151" fmla="*/ 1950476 h 5613023"/>
              <a:gd name="connsiteX152" fmla="*/ 4132772 w 4172535"/>
              <a:gd name="connsiteY152" fmla="*/ 1707456 h 5613023"/>
              <a:gd name="connsiteX153" fmla="*/ 4143254 w 4172535"/>
              <a:gd name="connsiteY153" fmla="*/ 1691810 h 5613023"/>
              <a:gd name="connsiteX154" fmla="*/ 4127532 w 4172535"/>
              <a:gd name="connsiteY154" fmla="*/ 1681085 h 5613023"/>
              <a:gd name="connsiteX155" fmla="*/ 4113008 w 4172535"/>
              <a:gd name="connsiteY155" fmla="*/ 1606639 h 5613023"/>
              <a:gd name="connsiteX156" fmla="*/ 2853615 w 4172535"/>
              <a:gd name="connsiteY156" fmla="*/ 1851363 h 5613023"/>
              <a:gd name="connsiteX157" fmla="*/ 2282737 w 4172535"/>
              <a:gd name="connsiteY157" fmla="*/ 2614049 h 5613023"/>
              <a:gd name="connsiteX158" fmla="*/ 1867344 w 4172535"/>
              <a:gd name="connsiteY158" fmla="*/ 5291602 h 5613023"/>
              <a:gd name="connsiteX159" fmla="*/ 1784711 w 4172535"/>
              <a:gd name="connsiteY159" fmla="*/ 5484805 h 5613023"/>
              <a:gd name="connsiteX160" fmla="*/ 1808169 w 4172535"/>
              <a:gd name="connsiteY160" fmla="*/ 5498348 h 5613023"/>
              <a:gd name="connsiteX161" fmla="*/ 1891761 w 4172535"/>
              <a:gd name="connsiteY161" fmla="*/ 5302825 h 5613023"/>
              <a:gd name="connsiteX162" fmla="*/ 2309447 w 4172535"/>
              <a:gd name="connsiteY162" fmla="*/ 2611651 h 5613023"/>
              <a:gd name="connsiteX163" fmla="*/ 2858793 w 4172535"/>
              <a:gd name="connsiteY163" fmla="*/ 1877608 h 5613023"/>
              <a:gd name="connsiteX164" fmla="*/ 4117997 w 4172535"/>
              <a:gd name="connsiteY164" fmla="*/ 1633074 h 5613023"/>
              <a:gd name="connsiteX165" fmla="*/ 4128731 w 4172535"/>
              <a:gd name="connsiteY165" fmla="*/ 1617364 h 5613023"/>
              <a:gd name="connsiteX166" fmla="*/ 4113008 w 4172535"/>
              <a:gd name="connsiteY166" fmla="*/ 1606639 h 5613023"/>
              <a:gd name="connsiteX167" fmla="*/ 4098549 w 4172535"/>
              <a:gd name="connsiteY167" fmla="*/ 1532257 h 5613023"/>
              <a:gd name="connsiteX168" fmla="*/ 2830379 w 4172535"/>
              <a:gd name="connsiteY168" fmla="*/ 1778621 h 5613023"/>
              <a:gd name="connsiteX169" fmla="*/ 2206649 w 4172535"/>
              <a:gd name="connsiteY169" fmla="*/ 2614554 h 5613023"/>
              <a:gd name="connsiteX170" fmla="*/ 1797500 w 4172535"/>
              <a:gd name="connsiteY170" fmla="*/ 5261699 h 5613023"/>
              <a:gd name="connsiteX171" fmla="*/ 1718479 w 4172535"/>
              <a:gd name="connsiteY171" fmla="*/ 5446566 h 5613023"/>
              <a:gd name="connsiteX172" fmla="*/ 1742049 w 4172535"/>
              <a:gd name="connsiteY172" fmla="*/ 5460174 h 5613023"/>
              <a:gd name="connsiteX173" fmla="*/ 1822545 w 4172535"/>
              <a:gd name="connsiteY173" fmla="*/ 5271824 h 5613023"/>
              <a:gd name="connsiteX174" fmla="*/ 2233422 w 4172535"/>
              <a:gd name="connsiteY174" fmla="*/ 2612535 h 5613023"/>
              <a:gd name="connsiteX175" fmla="*/ 2835556 w 4172535"/>
              <a:gd name="connsiteY175" fmla="*/ 1804992 h 5613023"/>
              <a:gd name="connsiteX176" fmla="*/ 4103726 w 4172535"/>
              <a:gd name="connsiteY176" fmla="*/ 1558502 h 5613023"/>
              <a:gd name="connsiteX177" fmla="*/ 4104232 w 4172535"/>
              <a:gd name="connsiteY177" fmla="*/ 1558502 h 5613023"/>
              <a:gd name="connsiteX178" fmla="*/ 4114088 w 4172535"/>
              <a:gd name="connsiteY178" fmla="*/ 1543209 h 5613023"/>
              <a:gd name="connsiteX179" fmla="*/ 4098549 w 4172535"/>
              <a:gd name="connsiteY179" fmla="*/ 1532257 h 5613023"/>
              <a:gd name="connsiteX180" fmla="*/ 4084089 w 4172535"/>
              <a:gd name="connsiteY180" fmla="*/ 1457812 h 5613023"/>
              <a:gd name="connsiteX181" fmla="*/ 2807205 w 4172535"/>
              <a:gd name="connsiteY181" fmla="*/ 1705942 h 5613023"/>
              <a:gd name="connsiteX182" fmla="*/ 2130120 w 4172535"/>
              <a:gd name="connsiteY182" fmla="*/ 2615248 h 5613023"/>
              <a:gd name="connsiteX183" fmla="*/ 1727599 w 4172535"/>
              <a:gd name="connsiteY183" fmla="*/ 5231668 h 5613023"/>
              <a:gd name="connsiteX184" fmla="*/ 1652165 w 4172535"/>
              <a:gd name="connsiteY184" fmla="*/ 5408280 h 5613023"/>
              <a:gd name="connsiteX185" fmla="*/ 1675819 w 4172535"/>
              <a:gd name="connsiteY185" fmla="*/ 5421936 h 5613023"/>
              <a:gd name="connsiteX186" fmla="*/ 1752828 w 4172535"/>
              <a:gd name="connsiteY186" fmla="*/ 5241619 h 5613023"/>
              <a:gd name="connsiteX187" fmla="*/ 2157208 w 4172535"/>
              <a:gd name="connsiteY187" fmla="*/ 2612913 h 5613023"/>
              <a:gd name="connsiteX188" fmla="*/ 2812383 w 4172535"/>
              <a:gd name="connsiteY188" fmla="*/ 1732250 h 5613023"/>
              <a:gd name="connsiteX189" fmla="*/ 4089267 w 4172535"/>
              <a:gd name="connsiteY189" fmla="*/ 1484057 h 5613023"/>
              <a:gd name="connsiteX190" fmla="*/ 4099812 w 4172535"/>
              <a:gd name="connsiteY190" fmla="*/ 1468347 h 5613023"/>
              <a:gd name="connsiteX191" fmla="*/ 4084089 w 4172535"/>
              <a:gd name="connsiteY191" fmla="*/ 1457812 h 5613023"/>
              <a:gd name="connsiteX192" fmla="*/ 4069376 w 4172535"/>
              <a:gd name="connsiteY192" fmla="*/ 1383366 h 5613023"/>
              <a:gd name="connsiteX193" fmla="*/ 2784031 w 4172535"/>
              <a:gd name="connsiteY193" fmla="*/ 1633263 h 5613023"/>
              <a:gd name="connsiteX194" fmla="*/ 2054348 w 4172535"/>
              <a:gd name="connsiteY194" fmla="*/ 2615815 h 5613023"/>
              <a:gd name="connsiteX195" fmla="*/ 1657855 w 4172535"/>
              <a:gd name="connsiteY195" fmla="*/ 5201853 h 5613023"/>
              <a:gd name="connsiteX196" fmla="*/ 1586024 w 4172535"/>
              <a:gd name="connsiteY196" fmla="*/ 5370093 h 5613023"/>
              <a:gd name="connsiteX197" fmla="*/ 1609720 w 4172535"/>
              <a:gd name="connsiteY197" fmla="*/ 5383774 h 5613023"/>
              <a:gd name="connsiteX198" fmla="*/ 1683084 w 4172535"/>
              <a:gd name="connsiteY198" fmla="*/ 5211857 h 5613023"/>
              <a:gd name="connsiteX199" fmla="*/ 2081120 w 4172535"/>
              <a:gd name="connsiteY199" fmla="*/ 2613355 h 5613023"/>
              <a:gd name="connsiteX200" fmla="*/ 2789209 w 4172535"/>
              <a:gd name="connsiteY200" fmla="*/ 1659571 h 5613023"/>
              <a:gd name="connsiteX201" fmla="*/ 4074491 w 4172535"/>
              <a:gd name="connsiteY201" fmla="*/ 1409611 h 5613023"/>
              <a:gd name="connsiteX202" fmla="*/ 4075274 w 4172535"/>
              <a:gd name="connsiteY202" fmla="*/ 1409460 h 5613023"/>
              <a:gd name="connsiteX203" fmla="*/ 4085383 w 4172535"/>
              <a:gd name="connsiteY203" fmla="*/ 1393467 h 5613023"/>
              <a:gd name="connsiteX204" fmla="*/ 4069376 w 4172535"/>
              <a:gd name="connsiteY204" fmla="*/ 1383366 h 5613023"/>
              <a:gd name="connsiteX205" fmla="*/ 4055485 w 4172535"/>
              <a:gd name="connsiteY205" fmla="*/ 1308858 h 5613023"/>
              <a:gd name="connsiteX206" fmla="*/ 2761047 w 4172535"/>
              <a:gd name="connsiteY206" fmla="*/ 1560584 h 5613023"/>
              <a:gd name="connsiteX207" fmla="*/ 1978070 w 4172535"/>
              <a:gd name="connsiteY207" fmla="*/ 2616509 h 5613023"/>
              <a:gd name="connsiteX208" fmla="*/ 1588386 w 4172535"/>
              <a:gd name="connsiteY208" fmla="*/ 5171785 h 5613023"/>
              <a:gd name="connsiteX209" fmla="*/ 1520054 w 4172535"/>
              <a:gd name="connsiteY209" fmla="*/ 5332005 h 5613023"/>
              <a:gd name="connsiteX210" fmla="*/ 1543390 w 4172535"/>
              <a:gd name="connsiteY210" fmla="*/ 5345478 h 5613023"/>
              <a:gd name="connsiteX211" fmla="*/ 1613243 w 4172535"/>
              <a:gd name="connsiteY211" fmla="*/ 5181688 h 5613023"/>
              <a:gd name="connsiteX212" fmla="*/ 2004906 w 4172535"/>
              <a:gd name="connsiteY212" fmla="*/ 2613986 h 5613023"/>
              <a:gd name="connsiteX213" fmla="*/ 2766225 w 4172535"/>
              <a:gd name="connsiteY213" fmla="*/ 1586955 h 5613023"/>
              <a:gd name="connsiteX214" fmla="*/ 4060663 w 4172535"/>
              <a:gd name="connsiteY214" fmla="*/ 1335166 h 5613023"/>
              <a:gd name="connsiteX215" fmla="*/ 4071239 w 4172535"/>
              <a:gd name="connsiteY215" fmla="*/ 1319425 h 5613023"/>
              <a:gd name="connsiteX216" fmla="*/ 4055485 w 4172535"/>
              <a:gd name="connsiteY216" fmla="*/ 1308858 h 5613023"/>
              <a:gd name="connsiteX217" fmla="*/ 4040583 w 4172535"/>
              <a:gd name="connsiteY217" fmla="*/ 1234349 h 5613023"/>
              <a:gd name="connsiteX218" fmla="*/ 2737558 w 4172535"/>
              <a:gd name="connsiteY218" fmla="*/ 1487779 h 5613023"/>
              <a:gd name="connsiteX219" fmla="*/ 1901983 w 4172535"/>
              <a:gd name="connsiteY219" fmla="*/ 2617077 h 5613023"/>
              <a:gd name="connsiteX220" fmla="*/ 1518537 w 4172535"/>
              <a:gd name="connsiteY220" fmla="*/ 5142023 h 5613023"/>
              <a:gd name="connsiteX221" fmla="*/ 1453858 w 4172535"/>
              <a:gd name="connsiteY221" fmla="*/ 5293787 h 5613023"/>
              <a:gd name="connsiteX222" fmla="*/ 1477338 w 4172535"/>
              <a:gd name="connsiteY222" fmla="*/ 5307343 h 5613023"/>
              <a:gd name="connsiteX223" fmla="*/ 1543580 w 4172535"/>
              <a:gd name="connsiteY223" fmla="*/ 5151912 h 5613023"/>
              <a:gd name="connsiteX224" fmla="*/ 1928819 w 4172535"/>
              <a:gd name="connsiteY224" fmla="*/ 2614617 h 5613023"/>
              <a:gd name="connsiteX225" fmla="*/ 2742799 w 4172535"/>
              <a:gd name="connsiteY225" fmla="*/ 1514213 h 5613023"/>
              <a:gd name="connsiteX226" fmla="*/ 4045761 w 4172535"/>
              <a:gd name="connsiteY226" fmla="*/ 1260594 h 5613023"/>
              <a:gd name="connsiteX227" fmla="*/ 4056432 w 4172535"/>
              <a:gd name="connsiteY227" fmla="*/ 1244822 h 5613023"/>
              <a:gd name="connsiteX228" fmla="*/ 4056413 w 4172535"/>
              <a:gd name="connsiteY228" fmla="*/ 1244728 h 5613023"/>
              <a:gd name="connsiteX229" fmla="*/ 4040583 w 4172535"/>
              <a:gd name="connsiteY229" fmla="*/ 1234349 h 5613023"/>
              <a:gd name="connsiteX230" fmla="*/ 4026060 w 4172535"/>
              <a:gd name="connsiteY230" fmla="*/ 1160030 h 5613023"/>
              <a:gd name="connsiteX231" fmla="*/ 2714447 w 4172535"/>
              <a:gd name="connsiteY231" fmla="*/ 1415290 h 5613023"/>
              <a:gd name="connsiteX232" fmla="*/ 1825769 w 4172535"/>
              <a:gd name="connsiteY232" fmla="*/ 2617708 h 5613023"/>
              <a:gd name="connsiteX233" fmla="*/ 1448574 w 4172535"/>
              <a:gd name="connsiteY233" fmla="*/ 5111997 h 5613023"/>
              <a:gd name="connsiteX234" fmla="*/ 1387467 w 4172535"/>
              <a:gd name="connsiteY234" fmla="*/ 5255456 h 5613023"/>
              <a:gd name="connsiteX235" fmla="*/ 1410985 w 4172535"/>
              <a:gd name="connsiteY235" fmla="*/ 5269034 h 5613023"/>
              <a:gd name="connsiteX236" fmla="*/ 1473684 w 4172535"/>
              <a:gd name="connsiteY236" fmla="*/ 5121789 h 5613023"/>
              <a:gd name="connsiteX237" fmla="*/ 1852542 w 4172535"/>
              <a:gd name="connsiteY237" fmla="*/ 2615058 h 5613023"/>
              <a:gd name="connsiteX238" fmla="*/ 2719625 w 4172535"/>
              <a:gd name="connsiteY238" fmla="*/ 1441598 h 5613023"/>
              <a:gd name="connsiteX239" fmla="*/ 4031301 w 4172535"/>
              <a:gd name="connsiteY239" fmla="*/ 1186338 h 5613023"/>
              <a:gd name="connsiteX240" fmla="*/ 4041909 w 4172535"/>
              <a:gd name="connsiteY240" fmla="*/ 1170566 h 5613023"/>
              <a:gd name="connsiteX241" fmla="*/ 4026060 w 4172535"/>
              <a:gd name="connsiteY241" fmla="*/ 1160030 h 5613023"/>
              <a:gd name="connsiteX242" fmla="*/ 4011537 w 4172535"/>
              <a:gd name="connsiteY242" fmla="*/ 1085522 h 5613023"/>
              <a:gd name="connsiteX243" fmla="*/ 2690895 w 4172535"/>
              <a:gd name="connsiteY243" fmla="*/ 1342800 h 5613023"/>
              <a:gd name="connsiteX244" fmla="*/ 1749302 w 4172535"/>
              <a:gd name="connsiteY244" fmla="*/ 2618528 h 5613023"/>
              <a:gd name="connsiteX245" fmla="*/ 1378644 w 4172535"/>
              <a:gd name="connsiteY245" fmla="*/ 5082431 h 5613023"/>
              <a:gd name="connsiteX246" fmla="*/ 1321276 w 4172535"/>
              <a:gd name="connsiteY246" fmla="*/ 5217241 h 5613023"/>
              <a:gd name="connsiteX247" fmla="*/ 1344809 w 4172535"/>
              <a:gd name="connsiteY247" fmla="*/ 5230828 h 5613023"/>
              <a:gd name="connsiteX248" fmla="*/ 1403833 w 4172535"/>
              <a:gd name="connsiteY248" fmla="*/ 5092118 h 5613023"/>
              <a:gd name="connsiteX249" fmla="*/ 1776327 w 4172535"/>
              <a:gd name="connsiteY249" fmla="*/ 2615879 h 5613023"/>
              <a:gd name="connsiteX250" fmla="*/ 2696325 w 4172535"/>
              <a:gd name="connsiteY250" fmla="*/ 1368919 h 5613023"/>
              <a:gd name="connsiteX251" fmla="*/ 4016715 w 4172535"/>
              <a:gd name="connsiteY251" fmla="*/ 1111767 h 5613023"/>
              <a:gd name="connsiteX252" fmla="*/ 4027386 w 4172535"/>
              <a:gd name="connsiteY252" fmla="*/ 1095995 h 5613023"/>
              <a:gd name="connsiteX253" fmla="*/ 4011537 w 4172535"/>
              <a:gd name="connsiteY253" fmla="*/ 1085522 h 5613023"/>
              <a:gd name="connsiteX254" fmla="*/ 3996825 w 4172535"/>
              <a:gd name="connsiteY254" fmla="*/ 1011203 h 5613023"/>
              <a:gd name="connsiteX255" fmla="*/ 2667595 w 4172535"/>
              <a:gd name="connsiteY255" fmla="*/ 1269869 h 5613023"/>
              <a:gd name="connsiteX256" fmla="*/ 1673467 w 4172535"/>
              <a:gd name="connsiteY256" fmla="*/ 2618844 h 5613023"/>
              <a:gd name="connsiteX257" fmla="*/ 1309084 w 4172535"/>
              <a:gd name="connsiteY257" fmla="*/ 5052141 h 5613023"/>
              <a:gd name="connsiteX258" fmla="*/ 1255123 w 4172535"/>
              <a:gd name="connsiteY258" fmla="*/ 5179047 h 5613023"/>
              <a:gd name="connsiteX259" fmla="*/ 1278582 w 4172535"/>
              <a:gd name="connsiteY259" fmla="*/ 5192591 h 5613023"/>
              <a:gd name="connsiteX260" fmla="*/ 1334058 w 4172535"/>
              <a:gd name="connsiteY260" fmla="*/ 5062112 h 5613023"/>
              <a:gd name="connsiteX261" fmla="*/ 1700177 w 4172535"/>
              <a:gd name="connsiteY261" fmla="*/ 2616383 h 5613023"/>
              <a:gd name="connsiteX262" fmla="*/ 2672899 w 4172535"/>
              <a:gd name="connsiteY262" fmla="*/ 1296114 h 5613023"/>
              <a:gd name="connsiteX263" fmla="*/ 4002003 w 4172535"/>
              <a:gd name="connsiteY263" fmla="*/ 1037448 h 5613023"/>
              <a:gd name="connsiteX264" fmla="*/ 4012674 w 4172535"/>
              <a:gd name="connsiteY264" fmla="*/ 1021675 h 5613023"/>
              <a:gd name="connsiteX265" fmla="*/ 3996825 w 4172535"/>
              <a:gd name="connsiteY265" fmla="*/ 1011203 h 5613023"/>
              <a:gd name="connsiteX266" fmla="*/ 3982491 w 4172535"/>
              <a:gd name="connsiteY266" fmla="*/ 936505 h 5613023"/>
              <a:gd name="connsiteX267" fmla="*/ 2644611 w 4172535"/>
              <a:gd name="connsiteY267" fmla="*/ 1197190 h 5613023"/>
              <a:gd name="connsiteX268" fmla="*/ 1597253 w 4172535"/>
              <a:gd name="connsiteY268" fmla="*/ 2619601 h 5613023"/>
              <a:gd name="connsiteX269" fmla="*/ 1239304 w 4172535"/>
              <a:gd name="connsiteY269" fmla="*/ 5022579 h 5613023"/>
              <a:gd name="connsiteX270" fmla="*/ 1189037 w 4172535"/>
              <a:gd name="connsiteY270" fmla="*/ 5140893 h 5613023"/>
              <a:gd name="connsiteX271" fmla="*/ 1212404 w 4172535"/>
              <a:gd name="connsiteY271" fmla="*/ 5154384 h 5613023"/>
              <a:gd name="connsiteX272" fmla="*/ 1264254 w 4172535"/>
              <a:gd name="connsiteY272" fmla="*/ 5032331 h 5613023"/>
              <a:gd name="connsiteX273" fmla="*/ 1624026 w 4172535"/>
              <a:gd name="connsiteY273" fmla="*/ 2616888 h 5613023"/>
              <a:gd name="connsiteX274" fmla="*/ 2649915 w 4172535"/>
              <a:gd name="connsiteY274" fmla="*/ 1223561 h 5613023"/>
              <a:gd name="connsiteX275" fmla="*/ 3987921 w 4172535"/>
              <a:gd name="connsiteY275" fmla="*/ 962687 h 5613023"/>
              <a:gd name="connsiteX276" fmla="*/ 3998340 w 4172535"/>
              <a:gd name="connsiteY276" fmla="*/ 947041 h 5613023"/>
              <a:gd name="connsiteX277" fmla="*/ 3982491 w 4172535"/>
              <a:gd name="connsiteY277" fmla="*/ 936505 h 5613023"/>
              <a:gd name="connsiteX278" fmla="*/ 3968347 w 4172535"/>
              <a:gd name="connsiteY278" fmla="*/ 862123 h 5613023"/>
              <a:gd name="connsiteX279" fmla="*/ 2621501 w 4172535"/>
              <a:gd name="connsiteY279" fmla="*/ 1124889 h 5613023"/>
              <a:gd name="connsiteX280" fmla="*/ 1521166 w 4172535"/>
              <a:gd name="connsiteY280" fmla="*/ 2620610 h 5613023"/>
              <a:gd name="connsiteX281" fmla="*/ 1169606 w 4172535"/>
              <a:gd name="connsiteY281" fmla="*/ 4992875 h 5613023"/>
              <a:gd name="connsiteX282" fmla="*/ 1122962 w 4172535"/>
              <a:gd name="connsiteY282" fmla="*/ 5102744 h 5613023"/>
              <a:gd name="connsiteX283" fmla="*/ 1146248 w 4172535"/>
              <a:gd name="connsiteY283" fmla="*/ 5116188 h 5613023"/>
              <a:gd name="connsiteX284" fmla="*/ 1194551 w 4172535"/>
              <a:gd name="connsiteY284" fmla="*/ 5002394 h 5613023"/>
              <a:gd name="connsiteX285" fmla="*/ 1547875 w 4172535"/>
              <a:gd name="connsiteY285" fmla="*/ 2617582 h 5613023"/>
              <a:gd name="connsiteX286" fmla="*/ 2626994 w 4172535"/>
              <a:gd name="connsiteY286" fmla="*/ 1150882 h 5613023"/>
              <a:gd name="connsiteX287" fmla="*/ 3973525 w 4172535"/>
              <a:gd name="connsiteY287" fmla="*/ 888431 h 5613023"/>
              <a:gd name="connsiteX288" fmla="*/ 3984101 w 4172535"/>
              <a:gd name="connsiteY288" fmla="*/ 872690 h 5613023"/>
              <a:gd name="connsiteX289" fmla="*/ 3968347 w 4172535"/>
              <a:gd name="connsiteY289" fmla="*/ 862123 h 5613023"/>
              <a:gd name="connsiteX290" fmla="*/ 2576037 w 4172535"/>
              <a:gd name="connsiteY290" fmla="*/ 2475 h 5613023"/>
              <a:gd name="connsiteX291" fmla="*/ 2571750 w 4172535"/>
              <a:gd name="connsiteY291" fmla="*/ 0 h 5613023"/>
              <a:gd name="connsiteX292" fmla="*/ 2569593 w 4172535"/>
              <a:gd name="connsiteY292" fmla="*/ 3737 h 5613023"/>
              <a:gd name="connsiteX293" fmla="*/ 2676037 w 4172535"/>
              <a:gd name="connsiteY293" fmla="*/ 60210 h 5613023"/>
              <a:gd name="connsiteX294" fmla="*/ 2640711 w 4172535"/>
              <a:gd name="connsiteY294" fmla="*/ 39815 h 5613023"/>
              <a:gd name="connsiteX295" fmla="*/ 2537045 w 4172535"/>
              <a:gd name="connsiteY295" fmla="*/ 60112 h 5613023"/>
              <a:gd name="connsiteX296" fmla="*/ 2519261 w 4172535"/>
              <a:gd name="connsiteY296" fmla="*/ 90915 h 5613023"/>
              <a:gd name="connsiteX297" fmla="*/ 2775934 w 4172535"/>
              <a:gd name="connsiteY297" fmla="*/ 117886 h 5613023"/>
              <a:gd name="connsiteX298" fmla="*/ 2740624 w 4172535"/>
              <a:gd name="connsiteY298" fmla="*/ 97499 h 5613023"/>
              <a:gd name="connsiteX299" fmla="*/ 2486769 w 4172535"/>
              <a:gd name="connsiteY299" fmla="*/ 147191 h 5613023"/>
              <a:gd name="connsiteX300" fmla="*/ 2468990 w 4172535"/>
              <a:gd name="connsiteY300" fmla="*/ 177986 h 5613023"/>
              <a:gd name="connsiteX301" fmla="*/ 2875607 w 4172535"/>
              <a:gd name="connsiteY301" fmla="*/ 175432 h 5613023"/>
              <a:gd name="connsiteX302" fmla="*/ 2840431 w 4172535"/>
              <a:gd name="connsiteY302" fmla="*/ 155123 h 5613023"/>
              <a:gd name="connsiteX303" fmla="*/ 2436576 w 4172535"/>
              <a:gd name="connsiteY303" fmla="*/ 234129 h 5613023"/>
              <a:gd name="connsiteX304" fmla="*/ 2418876 w 4172535"/>
              <a:gd name="connsiteY304" fmla="*/ 264786 h 5613023"/>
              <a:gd name="connsiteX305" fmla="*/ 2975594 w 4172535"/>
              <a:gd name="connsiteY305" fmla="*/ 233159 h 5613023"/>
              <a:gd name="connsiteX306" fmla="*/ 2940418 w 4172535"/>
              <a:gd name="connsiteY306" fmla="*/ 212851 h 5613023"/>
              <a:gd name="connsiteX307" fmla="*/ 2386287 w 4172535"/>
              <a:gd name="connsiteY307" fmla="*/ 321231 h 5613023"/>
              <a:gd name="connsiteX308" fmla="*/ 2368410 w 4172535"/>
              <a:gd name="connsiteY308" fmla="*/ 352196 h 5613023"/>
              <a:gd name="connsiteX309" fmla="*/ 2371327 w 4172535"/>
              <a:gd name="connsiteY309" fmla="*/ 351478 h 5613023"/>
              <a:gd name="connsiteX310" fmla="*/ 3075640 w 4172535"/>
              <a:gd name="connsiteY310" fmla="*/ 290921 h 5613023"/>
              <a:gd name="connsiteX311" fmla="*/ 3040348 w 4172535"/>
              <a:gd name="connsiteY311" fmla="*/ 270545 h 5613023"/>
              <a:gd name="connsiteX312" fmla="*/ 2389323 w 4172535"/>
              <a:gd name="connsiteY312" fmla="*/ 397849 h 5613023"/>
              <a:gd name="connsiteX313" fmla="*/ 2334154 w 4172535"/>
              <a:gd name="connsiteY313" fmla="*/ 411528 h 5613023"/>
              <a:gd name="connsiteX314" fmla="*/ 2315502 w 4172535"/>
              <a:gd name="connsiteY314" fmla="*/ 443835 h 5613023"/>
              <a:gd name="connsiteX315" fmla="*/ 2394627 w 4172535"/>
              <a:gd name="connsiteY315" fmla="*/ 424220 h 5613023"/>
              <a:gd name="connsiteX316" fmla="*/ 3175538 w 4172535"/>
              <a:gd name="connsiteY316" fmla="*/ 348597 h 5613023"/>
              <a:gd name="connsiteX317" fmla="*/ 3140418 w 4172535"/>
              <a:gd name="connsiteY317" fmla="*/ 328321 h 5613023"/>
              <a:gd name="connsiteX318" fmla="*/ 2412496 w 4172535"/>
              <a:gd name="connsiteY318" fmla="*/ 470590 h 5613023"/>
              <a:gd name="connsiteX319" fmla="*/ 2281274 w 4172535"/>
              <a:gd name="connsiteY319" fmla="*/ 503119 h 5613023"/>
              <a:gd name="connsiteX320" fmla="*/ 2262691 w 4172535"/>
              <a:gd name="connsiteY320" fmla="*/ 535306 h 5613023"/>
              <a:gd name="connsiteX321" fmla="*/ 2417864 w 4172535"/>
              <a:gd name="connsiteY321" fmla="*/ 496836 h 5613023"/>
              <a:gd name="connsiteX322" fmla="*/ 3275431 w 4172535"/>
              <a:gd name="connsiteY322" fmla="*/ 406271 h 5613023"/>
              <a:gd name="connsiteX323" fmla="*/ 3240812 w 4172535"/>
              <a:gd name="connsiteY323" fmla="*/ 386283 h 5613023"/>
              <a:gd name="connsiteX324" fmla="*/ 2435796 w 4172535"/>
              <a:gd name="connsiteY324" fmla="*/ 543585 h 5613023"/>
              <a:gd name="connsiteX325" fmla="*/ 2257167 w 4172535"/>
              <a:gd name="connsiteY325" fmla="*/ 587822 h 5613023"/>
              <a:gd name="connsiteX326" fmla="*/ 2226054 w 4172535"/>
              <a:gd name="connsiteY326" fmla="*/ 598765 h 5613023"/>
              <a:gd name="connsiteX327" fmla="*/ 2205753 w 4172535"/>
              <a:gd name="connsiteY327" fmla="*/ 633926 h 5613023"/>
              <a:gd name="connsiteX328" fmla="*/ 2264841 w 4172535"/>
              <a:gd name="connsiteY328" fmla="*/ 613129 h 5613023"/>
              <a:gd name="connsiteX329" fmla="*/ 2440974 w 4172535"/>
              <a:gd name="connsiteY329" fmla="*/ 569451 h 5613023"/>
              <a:gd name="connsiteX330" fmla="*/ 3375392 w 4172535"/>
              <a:gd name="connsiteY330" fmla="*/ 463983 h 5613023"/>
              <a:gd name="connsiteX331" fmla="*/ 3340350 w 4172535"/>
              <a:gd name="connsiteY331" fmla="*/ 443751 h 5613023"/>
              <a:gd name="connsiteX332" fmla="*/ 2459222 w 4172535"/>
              <a:gd name="connsiteY332" fmla="*/ 615885 h 5613023"/>
              <a:gd name="connsiteX333" fmla="*/ 2286845 w 4172535"/>
              <a:gd name="connsiteY333" fmla="*/ 658576 h 5613023"/>
              <a:gd name="connsiteX334" fmla="*/ 2167241 w 4172535"/>
              <a:gd name="connsiteY334" fmla="*/ 700632 h 5613023"/>
              <a:gd name="connsiteX335" fmla="*/ 2146734 w 4172535"/>
              <a:gd name="connsiteY335" fmla="*/ 736150 h 5613023"/>
              <a:gd name="connsiteX336" fmla="*/ 2294298 w 4172535"/>
              <a:gd name="connsiteY336" fmla="*/ 684230 h 5613023"/>
              <a:gd name="connsiteX337" fmla="*/ 2464148 w 4172535"/>
              <a:gd name="connsiteY337" fmla="*/ 642130 h 5613023"/>
              <a:gd name="connsiteX338" fmla="*/ 3475571 w 4172535"/>
              <a:gd name="connsiteY338" fmla="*/ 521822 h 5613023"/>
              <a:gd name="connsiteX339" fmla="*/ 3440382 w 4172535"/>
              <a:gd name="connsiteY339" fmla="*/ 501505 h 5613023"/>
              <a:gd name="connsiteX340" fmla="*/ 2482207 w 4172535"/>
              <a:gd name="connsiteY340" fmla="*/ 688690 h 5613023"/>
              <a:gd name="connsiteX341" fmla="*/ 2157418 w 4172535"/>
              <a:gd name="connsiteY341" fmla="*/ 785641 h 5613023"/>
              <a:gd name="connsiteX342" fmla="*/ 2103883 w 4172535"/>
              <a:gd name="connsiteY342" fmla="*/ 810370 h 5613023"/>
              <a:gd name="connsiteX343" fmla="*/ 2080642 w 4172535"/>
              <a:gd name="connsiteY343" fmla="*/ 850624 h 5613023"/>
              <a:gd name="connsiteX344" fmla="*/ 2167626 w 4172535"/>
              <a:gd name="connsiteY344" fmla="*/ 810407 h 5613023"/>
              <a:gd name="connsiteX345" fmla="*/ 2487510 w 4172535"/>
              <a:gd name="connsiteY345" fmla="*/ 714746 h 5613023"/>
              <a:gd name="connsiteX346" fmla="*/ 3575715 w 4172535"/>
              <a:gd name="connsiteY346" fmla="*/ 579640 h 5613023"/>
              <a:gd name="connsiteX347" fmla="*/ 3540445 w 4172535"/>
              <a:gd name="connsiteY347" fmla="*/ 559276 h 5613023"/>
              <a:gd name="connsiteX348" fmla="*/ 2505443 w 4172535"/>
              <a:gd name="connsiteY348" fmla="*/ 761243 h 5613023"/>
              <a:gd name="connsiteX349" fmla="*/ 2047910 w 4172535"/>
              <a:gd name="connsiteY349" fmla="*/ 921524 h 5613023"/>
              <a:gd name="connsiteX350" fmla="*/ 2035568 w 4172535"/>
              <a:gd name="connsiteY350" fmla="*/ 928695 h 5613023"/>
              <a:gd name="connsiteX351" fmla="*/ 2008623 w 4172535"/>
              <a:gd name="connsiteY351" fmla="*/ 975366 h 5613023"/>
              <a:gd name="connsiteX352" fmla="*/ 2060276 w 4172535"/>
              <a:gd name="connsiteY352" fmla="*/ 945343 h 5613023"/>
              <a:gd name="connsiteX353" fmla="*/ 2510621 w 4172535"/>
              <a:gd name="connsiteY353" fmla="*/ 787488 h 5613023"/>
              <a:gd name="connsiteX354" fmla="*/ 3675634 w 4172535"/>
              <a:gd name="connsiteY354" fmla="*/ 637328 h 5613023"/>
              <a:gd name="connsiteX355" fmla="*/ 3640173 w 4172535"/>
              <a:gd name="connsiteY355" fmla="*/ 616855 h 5613023"/>
              <a:gd name="connsiteX356" fmla="*/ 2528680 w 4172535"/>
              <a:gd name="connsiteY356" fmla="*/ 833796 h 5613023"/>
              <a:gd name="connsiteX357" fmla="*/ 1966063 w 4172535"/>
              <a:gd name="connsiteY357" fmla="*/ 1058906 h 5613023"/>
              <a:gd name="connsiteX358" fmla="*/ 1956512 w 4172535"/>
              <a:gd name="connsiteY358" fmla="*/ 1065624 h 5613023"/>
              <a:gd name="connsiteX359" fmla="*/ 1924686 w 4172535"/>
              <a:gd name="connsiteY359" fmla="*/ 1120749 h 5613023"/>
              <a:gd name="connsiteX360" fmla="*/ 1972297 w 4172535"/>
              <a:gd name="connsiteY360" fmla="*/ 1086831 h 5613023"/>
              <a:gd name="connsiteX361" fmla="*/ 2533921 w 4172535"/>
              <a:gd name="connsiteY361" fmla="*/ 860230 h 5613023"/>
              <a:gd name="connsiteX362" fmla="*/ 3775430 w 4172535"/>
              <a:gd name="connsiteY362" fmla="*/ 694945 h 5613023"/>
              <a:gd name="connsiteX363" fmla="*/ 3739942 w 4172535"/>
              <a:gd name="connsiteY363" fmla="*/ 674456 h 5613023"/>
              <a:gd name="connsiteX364" fmla="*/ 2551980 w 4172535"/>
              <a:gd name="connsiteY364" fmla="*/ 906222 h 5613023"/>
              <a:gd name="connsiteX365" fmla="*/ 1883548 w 4172535"/>
              <a:gd name="connsiteY365" fmla="*/ 1210367 h 5613023"/>
              <a:gd name="connsiteX366" fmla="*/ 1862566 w 4172535"/>
              <a:gd name="connsiteY366" fmla="*/ 1228344 h 5613023"/>
              <a:gd name="connsiteX367" fmla="*/ 1822113 w 4172535"/>
              <a:gd name="connsiteY367" fmla="*/ 1298411 h 5613023"/>
              <a:gd name="connsiteX368" fmla="*/ 1900091 w 4172535"/>
              <a:gd name="connsiteY368" fmla="*/ 1231612 h 5613023"/>
              <a:gd name="connsiteX369" fmla="*/ 2557094 w 4172535"/>
              <a:gd name="connsiteY369" fmla="*/ 932783 h 5613023"/>
              <a:gd name="connsiteX370" fmla="*/ 3875651 w 4172535"/>
              <a:gd name="connsiteY370" fmla="*/ 752808 h 5613023"/>
              <a:gd name="connsiteX371" fmla="*/ 3840301 w 4172535"/>
              <a:gd name="connsiteY371" fmla="*/ 732399 h 5613023"/>
              <a:gd name="connsiteX372" fmla="*/ 2574964 w 4172535"/>
              <a:gd name="connsiteY372" fmla="*/ 979279 h 5613023"/>
              <a:gd name="connsiteX373" fmla="*/ 1735391 w 4172535"/>
              <a:gd name="connsiteY373" fmla="*/ 1457855 h 5613023"/>
              <a:gd name="connsiteX374" fmla="*/ 1716684 w 4172535"/>
              <a:gd name="connsiteY374" fmla="*/ 1481018 h 5613023"/>
              <a:gd name="connsiteX375" fmla="*/ 1446983 w 4172535"/>
              <a:gd name="connsiteY375" fmla="*/ 1948155 h 5613023"/>
              <a:gd name="connsiteX376" fmla="*/ 1412225 w 4172535"/>
              <a:gd name="connsiteY376" fmla="*/ 2055959 h 5613023"/>
              <a:gd name="connsiteX377" fmla="*/ 1368927 w 4172535"/>
              <a:gd name="connsiteY377" fmla="*/ 2621430 h 5613023"/>
              <a:gd name="connsiteX378" fmla="*/ 1020508 w 4172535"/>
              <a:gd name="connsiteY378" fmla="*/ 4957395 h 5613023"/>
              <a:gd name="connsiteX379" fmla="*/ 990802 w 4172535"/>
              <a:gd name="connsiteY379" fmla="*/ 5026441 h 5613023"/>
              <a:gd name="connsiteX380" fmla="*/ 1013845 w 4172535"/>
              <a:gd name="connsiteY380" fmla="*/ 5039745 h 5613023"/>
              <a:gd name="connsiteX381" fmla="*/ 1054986 w 4172535"/>
              <a:gd name="connsiteY381" fmla="*/ 4942653 h 5613023"/>
              <a:gd name="connsiteX382" fmla="*/ 1395573 w 4172535"/>
              <a:gd name="connsiteY382" fmla="*/ 2618718 h 5613023"/>
              <a:gd name="connsiteX383" fmla="*/ 2580079 w 4172535"/>
              <a:gd name="connsiteY383" fmla="*/ 1005588 h 5613023"/>
              <a:gd name="connsiteX384" fmla="*/ 3968634 w 4172535"/>
              <a:gd name="connsiteY384" fmla="*/ 806492 h 5613023"/>
              <a:gd name="connsiteX385" fmla="*/ 3940438 w 4172535"/>
              <a:gd name="connsiteY385" fmla="*/ 790213 h 5613023"/>
              <a:gd name="connsiteX386" fmla="*/ 2598138 w 4172535"/>
              <a:gd name="connsiteY386" fmla="*/ 1051895 h 5613023"/>
              <a:gd name="connsiteX387" fmla="*/ 1445141 w 4172535"/>
              <a:gd name="connsiteY387" fmla="*/ 2620989 h 5613023"/>
              <a:gd name="connsiteX388" fmla="*/ 1100009 w 4172535"/>
              <a:gd name="connsiteY388" fmla="*/ 4962870 h 5613023"/>
              <a:gd name="connsiteX389" fmla="*/ 1056869 w 4172535"/>
              <a:gd name="connsiteY389" fmla="*/ 5064585 h 5613023"/>
              <a:gd name="connsiteX390" fmla="*/ 1080039 w 4172535"/>
              <a:gd name="connsiteY390" fmla="*/ 5077962 h 5613023"/>
              <a:gd name="connsiteX391" fmla="*/ 1124702 w 4172535"/>
              <a:gd name="connsiteY391" fmla="*/ 4972656 h 5613023"/>
              <a:gd name="connsiteX392" fmla="*/ 1471724 w 4172535"/>
              <a:gd name="connsiteY392" fmla="*/ 2618213 h 5613023"/>
              <a:gd name="connsiteX393" fmla="*/ 2603442 w 4172535"/>
              <a:gd name="connsiteY393" fmla="*/ 1078203 h 5613023"/>
              <a:gd name="connsiteX394" fmla="*/ 3958686 w 4172535"/>
              <a:gd name="connsiteY394" fmla="*/ 813985 h 5613023"/>
              <a:gd name="connsiteX395" fmla="*/ 3960322 w 4172535"/>
              <a:gd name="connsiteY395" fmla="*/ 813657 h 5613023"/>
              <a:gd name="connsiteX396" fmla="*/ 3968507 w 4172535"/>
              <a:gd name="connsiteY396" fmla="*/ 807427 h 561302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 ang="0">
                <a:pos x="connsiteX278" y="connsiteY278"/>
              </a:cxn>
              <a:cxn ang="0">
                <a:pos x="connsiteX279" y="connsiteY279"/>
              </a:cxn>
              <a:cxn ang="0">
                <a:pos x="connsiteX280" y="connsiteY280"/>
              </a:cxn>
              <a:cxn ang="0">
                <a:pos x="connsiteX281" y="connsiteY281"/>
              </a:cxn>
              <a:cxn ang="0">
                <a:pos x="connsiteX282" y="connsiteY282"/>
              </a:cxn>
              <a:cxn ang="0">
                <a:pos x="connsiteX283" y="connsiteY283"/>
              </a:cxn>
              <a:cxn ang="0">
                <a:pos x="connsiteX284" y="connsiteY284"/>
              </a:cxn>
              <a:cxn ang="0">
                <a:pos x="connsiteX285" y="connsiteY285"/>
              </a:cxn>
              <a:cxn ang="0">
                <a:pos x="connsiteX286" y="connsiteY286"/>
              </a:cxn>
              <a:cxn ang="0">
                <a:pos x="connsiteX287" y="connsiteY287"/>
              </a:cxn>
              <a:cxn ang="0">
                <a:pos x="connsiteX288" y="connsiteY288"/>
              </a:cxn>
              <a:cxn ang="0">
                <a:pos x="connsiteX289" y="connsiteY289"/>
              </a:cxn>
              <a:cxn ang="0">
                <a:pos x="connsiteX290" y="connsiteY290"/>
              </a:cxn>
              <a:cxn ang="0">
                <a:pos x="connsiteX291" y="connsiteY291"/>
              </a:cxn>
              <a:cxn ang="0">
                <a:pos x="connsiteX292" y="connsiteY292"/>
              </a:cxn>
              <a:cxn ang="0">
                <a:pos x="connsiteX293" y="connsiteY293"/>
              </a:cxn>
              <a:cxn ang="0">
                <a:pos x="connsiteX294" y="connsiteY294"/>
              </a:cxn>
              <a:cxn ang="0">
                <a:pos x="connsiteX295" y="connsiteY295"/>
              </a:cxn>
              <a:cxn ang="0">
                <a:pos x="connsiteX296" y="connsiteY296"/>
              </a:cxn>
              <a:cxn ang="0">
                <a:pos x="connsiteX297" y="connsiteY297"/>
              </a:cxn>
              <a:cxn ang="0">
                <a:pos x="connsiteX298" y="connsiteY298"/>
              </a:cxn>
              <a:cxn ang="0">
                <a:pos x="connsiteX299" y="connsiteY299"/>
              </a:cxn>
              <a:cxn ang="0">
                <a:pos x="connsiteX300" y="connsiteY300"/>
              </a:cxn>
              <a:cxn ang="0">
                <a:pos x="connsiteX301" y="connsiteY301"/>
              </a:cxn>
              <a:cxn ang="0">
                <a:pos x="connsiteX302" y="connsiteY302"/>
              </a:cxn>
              <a:cxn ang="0">
                <a:pos x="connsiteX303" y="connsiteY303"/>
              </a:cxn>
              <a:cxn ang="0">
                <a:pos x="connsiteX304" y="connsiteY304"/>
              </a:cxn>
              <a:cxn ang="0">
                <a:pos x="connsiteX305" y="connsiteY305"/>
              </a:cxn>
              <a:cxn ang="0">
                <a:pos x="connsiteX306" y="connsiteY306"/>
              </a:cxn>
              <a:cxn ang="0">
                <a:pos x="connsiteX307" y="connsiteY307"/>
              </a:cxn>
              <a:cxn ang="0">
                <a:pos x="connsiteX308" y="connsiteY308"/>
              </a:cxn>
              <a:cxn ang="0">
                <a:pos x="connsiteX309" y="connsiteY309"/>
              </a:cxn>
              <a:cxn ang="0">
                <a:pos x="connsiteX310" y="connsiteY310"/>
              </a:cxn>
              <a:cxn ang="0">
                <a:pos x="connsiteX311" y="connsiteY311"/>
              </a:cxn>
              <a:cxn ang="0">
                <a:pos x="connsiteX312" y="connsiteY312"/>
              </a:cxn>
              <a:cxn ang="0">
                <a:pos x="connsiteX313" y="connsiteY313"/>
              </a:cxn>
              <a:cxn ang="0">
                <a:pos x="connsiteX314" y="connsiteY314"/>
              </a:cxn>
              <a:cxn ang="0">
                <a:pos x="connsiteX315" y="connsiteY315"/>
              </a:cxn>
              <a:cxn ang="0">
                <a:pos x="connsiteX316" y="connsiteY316"/>
              </a:cxn>
              <a:cxn ang="0">
                <a:pos x="connsiteX317" y="connsiteY317"/>
              </a:cxn>
              <a:cxn ang="0">
                <a:pos x="connsiteX318" y="connsiteY318"/>
              </a:cxn>
              <a:cxn ang="0">
                <a:pos x="connsiteX319" y="connsiteY319"/>
              </a:cxn>
              <a:cxn ang="0">
                <a:pos x="connsiteX320" y="connsiteY320"/>
              </a:cxn>
              <a:cxn ang="0">
                <a:pos x="connsiteX321" y="connsiteY321"/>
              </a:cxn>
              <a:cxn ang="0">
                <a:pos x="connsiteX322" y="connsiteY322"/>
              </a:cxn>
              <a:cxn ang="0">
                <a:pos x="connsiteX323" y="connsiteY323"/>
              </a:cxn>
              <a:cxn ang="0">
                <a:pos x="connsiteX324" y="connsiteY324"/>
              </a:cxn>
              <a:cxn ang="0">
                <a:pos x="connsiteX325" y="connsiteY325"/>
              </a:cxn>
              <a:cxn ang="0">
                <a:pos x="connsiteX326" y="connsiteY326"/>
              </a:cxn>
              <a:cxn ang="0">
                <a:pos x="connsiteX327" y="connsiteY327"/>
              </a:cxn>
              <a:cxn ang="0">
                <a:pos x="connsiteX328" y="connsiteY328"/>
              </a:cxn>
              <a:cxn ang="0">
                <a:pos x="connsiteX329" y="connsiteY329"/>
              </a:cxn>
              <a:cxn ang="0">
                <a:pos x="connsiteX330" y="connsiteY330"/>
              </a:cxn>
              <a:cxn ang="0">
                <a:pos x="connsiteX331" y="connsiteY331"/>
              </a:cxn>
              <a:cxn ang="0">
                <a:pos x="connsiteX332" y="connsiteY332"/>
              </a:cxn>
              <a:cxn ang="0">
                <a:pos x="connsiteX333" y="connsiteY333"/>
              </a:cxn>
              <a:cxn ang="0">
                <a:pos x="connsiteX334" y="connsiteY334"/>
              </a:cxn>
              <a:cxn ang="0">
                <a:pos x="connsiteX335" y="connsiteY335"/>
              </a:cxn>
              <a:cxn ang="0">
                <a:pos x="connsiteX336" y="connsiteY336"/>
              </a:cxn>
              <a:cxn ang="0">
                <a:pos x="connsiteX337" y="connsiteY337"/>
              </a:cxn>
              <a:cxn ang="0">
                <a:pos x="connsiteX338" y="connsiteY338"/>
              </a:cxn>
              <a:cxn ang="0">
                <a:pos x="connsiteX339" y="connsiteY339"/>
              </a:cxn>
              <a:cxn ang="0">
                <a:pos x="connsiteX340" y="connsiteY340"/>
              </a:cxn>
              <a:cxn ang="0">
                <a:pos x="connsiteX341" y="connsiteY341"/>
              </a:cxn>
              <a:cxn ang="0">
                <a:pos x="connsiteX342" y="connsiteY342"/>
              </a:cxn>
              <a:cxn ang="0">
                <a:pos x="connsiteX343" y="connsiteY343"/>
              </a:cxn>
              <a:cxn ang="0">
                <a:pos x="connsiteX344" y="connsiteY344"/>
              </a:cxn>
              <a:cxn ang="0">
                <a:pos x="connsiteX345" y="connsiteY345"/>
              </a:cxn>
              <a:cxn ang="0">
                <a:pos x="connsiteX346" y="connsiteY346"/>
              </a:cxn>
              <a:cxn ang="0">
                <a:pos x="connsiteX347" y="connsiteY347"/>
              </a:cxn>
              <a:cxn ang="0">
                <a:pos x="connsiteX348" y="connsiteY348"/>
              </a:cxn>
              <a:cxn ang="0">
                <a:pos x="connsiteX349" y="connsiteY349"/>
              </a:cxn>
              <a:cxn ang="0">
                <a:pos x="connsiteX350" y="connsiteY350"/>
              </a:cxn>
              <a:cxn ang="0">
                <a:pos x="connsiteX351" y="connsiteY351"/>
              </a:cxn>
              <a:cxn ang="0">
                <a:pos x="connsiteX352" y="connsiteY352"/>
              </a:cxn>
              <a:cxn ang="0">
                <a:pos x="connsiteX353" y="connsiteY353"/>
              </a:cxn>
              <a:cxn ang="0">
                <a:pos x="connsiteX354" y="connsiteY354"/>
              </a:cxn>
              <a:cxn ang="0">
                <a:pos x="connsiteX355" y="connsiteY355"/>
              </a:cxn>
              <a:cxn ang="0">
                <a:pos x="connsiteX356" y="connsiteY356"/>
              </a:cxn>
              <a:cxn ang="0">
                <a:pos x="connsiteX357" y="connsiteY357"/>
              </a:cxn>
              <a:cxn ang="0">
                <a:pos x="connsiteX358" y="connsiteY358"/>
              </a:cxn>
              <a:cxn ang="0">
                <a:pos x="connsiteX359" y="connsiteY359"/>
              </a:cxn>
              <a:cxn ang="0">
                <a:pos x="connsiteX360" y="connsiteY360"/>
              </a:cxn>
              <a:cxn ang="0">
                <a:pos x="connsiteX361" y="connsiteY361"/>
              </a:cxn>
              <a:cxn ang="0">
                <a:pos x="connsiteX362" y="connsiteY362"/>
              </a:cxn>
              <a:cxn ang="0">
                <a:pos x="connsiteX363" y="connsiteY363"/>
              </a:cxn>
              <a:cxn ang="0">
                <a:pos x="connsiteX364" y="connsiteY364"/>
              </a:cxn>
              <a:cxn ang="0">
                <a:pos x="connsiteX365" y="connsiteY365"/>
              </a:cxn>
              <a:cxn ang="0">
                <a:pos x="connsiteX366" y="connsiteY366"/>
              </a:cxn>
              <a:cxn ang="0">
                <a:pos x="connsiteX367" y="connsiteY367"/>
              </a:cxn>
              <a:cxn ang="0">
                <a:pos x="connsiteX368" y="connsiteY368"/>
              </a:cxn>
              <a:cxn ang="0">
                <a:pos x="connsiteX369" y="connsiteY369"/>
              </a:cxn>
              <a:cxn ang="0">
                <a:pos x="connsiteX370" y="connsiteY370"/>
              </a:cxn>
              <a:cxn ang="0">
                <a:pos x="connsiteX371" y="connsiteY371"/>
              </a:cxn>
              <a:cxn ang="0">
                <a:pos x="connsiteX372" y="connsiteY372"/>
              </a:cxn>
              <a:cxn ang="0">
                <a:pos x="connsiteX373" y="connsiteY373"/>
              </a:cxn>
              <a:cxn ang="0">
                <a:pos x="connsiteX374" y="connsiteY374"/>
              </a:cxn>
              <a:cxn ang="0">
                <a:pos x="connsiteX375" y="connsiteY375"/>
              </a:cxn>
              <a:cxn ang="0">
                <a:pos x="connsiteX376" y="connsiteY376"/>
              </a:cxn>
              <a:cxn ang="0">
                <a:pos x="connsiteX377" y="connsiteY377"/>
              </a:cxn>
              <a:cxn ang="0">
                <a:pos x="connsiteX378" y="connsiteY378"/>
              </a:cxn>
              <a:cxn ang="0">
                <a:pos x="connsiteX379" y="connsiteY379"/>
              </a:cxn>
              <a:cxn ang="0">
                <a:pos x="connsiteX380" y="connsiteY380"/>
              </a:cxn>
              <a:cxn ang="0">
                <a:pos x="connsiteX381" y="connsiteY381"/>
              </a:cxn>
              <a:cxn ang="0">
                <a:pos x="connsiteX382" y="connsiteY382"/>
              </a:cxn>
              <a:cxn ang="0">
                <a:pos x="connsiteX383" y="connsiteY383"/>
              </a:cxn>
              <a:cxn ang="0">
                <a:pos x="connsiteX384" y="connsiteY384"/>
              </a:cxn>
              <a:cxn ang="0">
                <a:pos x="connsiteX385" y="connsiteY385"/>
              </a:cxn>
              <a:cxn ang="0">
                <a:pos x="connsiteX386" y="connsiteY386"/>
              </a:cxn>
              <a:cxn ang="0">
                <a:pos x="connsiteX387" y="connsiteY387"/>
              </a:cxn>
              <a:cxn ang="0">
                <a:pos x="connsiteX388" y="connsiteY388"/>
              </a:cxn>
              <a:cxn ang="0">
                <a:pos x="connsiteX389" y="connsiteY389"/>
              </a:cxn>
              <a:cxn ang="0">
                <a:pos x="connsiteX390" y="connsiteY390"/>
              </a:cxn>
              <a:cxn ang="0">
                <a:pos x="connsiteX391" y="connsiteY391"/>
              </a:cxn>
              <a:cxn ang="0">
                <a:pos x="connsiteX392" y="connsiteY392"/>
              </a:cxn>
              <a:cxn ang="0">
                <a:pos x="connsiteX393" y="connsiteY393"/>
              </a:cxn>
              <a:cxn ang="0">
                <a:pos x="connsiteX394" y="connsiteY394"/>
              </a:cxn>
              <a:cxn ang="0">
                <a:pos x="connsiteX395" y="connsiteY395"/>
              </a:cxn>
              <a:cxn ang="0">
                <a:pos x="connsiteX396" y="connsiteY396"/>
              </a:cxn>
            </a:cxnLst>
            <a:rect l="l" t="t" r="r" b="b"/>
            <a:pathLst>
              <a:path w="4172535" h="5613023">
                <a:moveTo>
                  <a:pt x="62272" y="4346544"/>
                </a:moveTo>
                <a:lnTo>
                  <a:pt x="0" y="4454402"/>
                </a:lnTo>
                <a:lnTo>
                  <a:pt x="18829" y="4465272"/>
                </a:lnTo>
                <a:close/>
                <a:moveTo>
                  <a:pt x="227587" y="4060210"/>
                </a:moveTo>
                <a:lnTo>
                  <a:pt x="168293" y="4162910"/>
                </a:lnTo>
                <a:lnTo>
                  <a:pt x="112739" y="4351897"/>
                </a:lnTo>
                <a:lnTo>
                  <a:pt x="62003" y="4490199"/>
                </a:lnTo>
                <a:lnTo>
                  <a:pt x="84982" y="4503466"/>
                </a:lnTo>
                <a:lnTo>
                  <a:pt x="124252" y="4399870"/>
                </a:lnTo>
                <a:cubicBezTo>
                  <a:pt x="144185" y="4343503"/>
                  <a:pt x="162846" y="4286716"/>
                  <a:pt x="180222" y="4229554"/>
                </a:cubicBezTo>
                <a:close/>
                <a:moveTo>
                  <a:pt x="349361" y="3849291"/>
                </a:moveTo>
                <a:lnTo>
                  <a:pt x="307256" y="3922220"/>
                </a:lnTo>
                <a:lnTo>
                  <a:pt x="283428" y="4040264"/>
                </a:lnTo>
                <a:cubicBezTo>
                  <a:pt x="255097" y="4154631"/>
                  <a:pt x="221773" y="4267762"/>
                  <a:pt x="183540" y="4379328"/>
                </a:cubicBezTo>
                <a:lnTo>
                  <a:pt x="128676" y="4528693"/>
                </a:lnTo>
                <a:lnTo>
                  <a:pt x="152243" y="4542299"/>
                </a:lnTo>
                <a:lnTo>
                  <a:pt x="209006" y="4387761"/>
                </a:lnTo>
                <a:cubicBezTo>
                  <a:pt x="247493" y="4275456"/>
                  <a:pt x="281039" y="4161575"/>
                  <a:pt x="309560" y="4046452"/>
                </a:cubicBezTo>
                <a:close/>
                <a:moveTo>
                  <a:pt x="460489" y="3656812"/>
                </a:moveTo>
                <a:lnTo>
                  <a:pt x="425731" y="3717014"/>
                </a:lnTo>
                <a:lnTo>
                  <a:pt x="423446" y="3733199"/>
                </a:lnTo>
                <a:cubicBezTo>
                  <a:pt x="383844" y="3974709"/>
                  <a:pt x="322832" y="4212246"/>
                  <a:pt x="241141" y="4442964"/>
                </a:cubicBezTo>
                <a:lnTo>
                  <a:pt x="194261" y="4566558"/>
                </a:lnTo>
                <a:lnTo>
                  <a:pt x="218622" y="4580623"/>
                </a:lnTo>
                <a:lnTo>
                  <a:pt x="279664" y="4414785"/>
                </a:lnTo>
                <a:cubicBezTo>
                  <a:pt x="358017" y="4186702"/>
                  <a:pt x="416350" y="3952217"/>
                  <a:pt x="453991" y="3714024"/>
                </a:cubicBezTo>
                <a:close/>
                <a:moveTo>
                  <a:pt x="558967" y="3486243"/>
                </a:moveTo>
                <a:lnTo>
                  <a:pt x="521924" y="3550404"/>
                </a:lnTo>
                <a:lnTo>
                  <a:pt x="501745" y="3726361"/>
                </a:lnTo>
                <a:cubicBezTo>
                  <a:pt x="453966" y="4026808"/>
                  <a:pt x="373645" y="4321392"/>
                  <a:pt x="262099" y="4604829"/>
                </a:cubicBezTo>
                <a:lnTo>
                  <a:pt x="261797" y="4605550"/>
                </a:lnTo>
                <a:lnTo>
                  <a:pt x="284764" y="4618810"/>
                </a:lnTo>
                <a:lnTo>
                  <a:pt x="338219" y="4477990"/>
                </a:lnTo>
                <a:cubicBezTo>
                  <a:pt x="442603" y="4183452"/>
                  <a:pt x="514051" y="3878042"/>
                  <a:pt x="551110" y="3567414"/>
                </a:cubicBezTo>
                <a:close/>
                <a:moveTo>
                  <a:pt x="646622" y="3334420"/>
                </a:moveTo>
                <a:lnTo>
                  <a:pt x="617832" y="3384285"/>
                </a:lnTo>
                <a:lnTo>
                  <a:pt x="617588" y="3388871"/>
                </a:lnTo>
                <a:cubicBezTo>
                  <a:pt x="589020" y="3766878"/>
                  <a:pt x="510294" y="4138921"/>
                  <a:pt x="383935" y="4495223"/>
                </a:cubicBezTo>
                <a:lnTo>
                  <a:pt x="327609" y="4643547"/>
                </a:lnTo>
                <a:lnTo>
                  <a:pt x="351451" y="4657312"/>
                </a:lnTo>
                <a:lnTo>
                  <a:pt x="356846" y="4644448"/>
                </a:lnTo>
                <a:cubicBezTo>
                  <a:pt x="516649" y="4238995"/>
                  <a:pt x="614079" y="3811232"/>
                  <a:pt x="645446" y="3375903"/>
                </a:cubicBezTo>
                <a:close/>
                <a:moveTo>
                  <a:pt x="730691" y="3188808"/>
                </a:moveTo>
                <a:lnTo>
                  <a:pt x="701380" y="3239577"/>
                </a:lnTo>
                <a:lnTo>
                  <a:pt x="693921" y="3384923"/>
                </a:lnTo>
                <a:cubicBezTo>
                  <a:pt x="661804" y="3824129"/>
                  <a:pt x="563172" y="4255651"/>
                  <a:pt x="401748" y="4664677"/>
                </a:cubicBezTo>
                <a:lnTo>
                  <a:pt x="394422" y="4682121"/>
                </a:lnTo>
                <a:lnTo>
                  <a:pt x="417745" y="4695587"/>
                </a:lnTo>
                <a:lnTo>
                  <a:pt x="426742" y="4674163"/>
                </a:lnTo>
                <a:cubicBezTo>
                  <a:pt x="612382" y="4203867"/>
                  <a:pt x="715539" y="3704014"/>
                  <a:pt x="730628" y="3196832"/>
                </a:cubicBezTo>
                <a:close/>
                <a:moveTo>
                  <a:pt x="807330" y="3056065"/>
                </a:moveTo>
                <a:lnTo>
                  <a:pt x="780192" y="3103069"/>
                </a:lnTo>
                <a:lnTo>
                  <a:pt x="779253" y="3204287"/>
                </a:lnTo>
                <a:cubicBezTo>
                  <a:pt x="763386" y="3715968"/>
                  <a:pt x="658861" y="4220168"/>
                  <a:pt x="471308" y="4694560"/>
                </a:cubicBezTo>
                <a:lnTo>
                  <a:pt x="460496" y="4720269"/>
                </a:lnTo>
                <a:lnTo>
                  <a:pt x="483934" y="4733801"/>
                </a:lnTo>
                <a:lnTo>
                  <a:pt x="496454" y="4704018"/>
                </a:lnTo>
                <a:cubicBezTo>
                  <a:pt x="685027" y="4226749"/>
                  <a:pt x="790086" y="3719516"/>
                  <a:pt x="805972" y="3204773"/>
                </a:cubicBezTo>
                <a:close/>
                <a:moveTo>
                  <a:pt x="880907" y="2928626"/>
                </a:moveTo>
                <a:lnTo>
                  <a:pt x="855645" y="2972382"/>
                </a:lnTo>
                <a:lnTo>
                  <a:pt x="857303" y="3024249"/>
                </a:lnTo>
                <a:cubicBezTo>
                  <a:pt x="863162" y="3620077"/>
                  <a:pt x="750524" y="4209257"/>
                  <a:pt x="528139" y="4758033"/>
                </a:cubicBezTo>
                <a:lnTo>
                  <a:pt x="527694" y="4759066"/>
                </a:lnTo>
                <a:lnTo>
                  <a:pt x="550219" y="4772071"/>
                </a:lnTo>
                <a:lnTo>
                  <a:pt x="566273" y="4733930"/>
                </a:lnTo>
                <a:cubicBezTo>
                  <a:pt x="781830" y="4189220"/>
                  <a:pt x="890396" y="3606052"/>
                  <a:pt x="883807" y="3016712"/>
                </a:cubicBezTo>
                <a:close/>
                <a:moveTo>
                  <a:pt x="951864" y="2805726"/>
                </a:moveTo>
                <a:lnTo>
                  <a:pt x="927413" y="2848077"/>
                </a:lnTo>
                <a:lnTo>
                  <a:pt x="932896" y="3022413"/>
                </a:lnTo>
                <a:cubicBezTo>
                  <a:pt x="938703" y="3616858"/>
                  <a:pt x="828648" y="4204948"/>
                  <a:pt x="610957" y="4754281"/>
                </a:cubicBezTo>
                <a:lnTo>
                  <a:pt x="593042" y="4796794"/>
                </a:lnTo>
                <a:lnTo>
                  <a:pt x="616824" y="4810525"/>
                </a:lnTo>
                <a:lnTo>
                  <a:pt x="622931" y="4796343"/>
                </a:lnTo>
                <a:cubicBezTo>
                  <a:pt x="874748" y="4174438"/>
                  <a:pt x="988937" y="3501891"/>
                  <a:pt x="953346" y="2825539"/>
                </a:cubicBezTo>
                <a:close/>
                <a:moveTo>
                  <a:pt x="1019429" y="2688699"/>
                </a:moveTo>
                <a:lnTo>
                  <a:pt x="995719" y="2729766"/>
                </a:lnTo>
                <a:lnTo>
                  <a:pt x="1003014" y="2828894"/>
                </a:lnTo>
                <a:cubicBezTo>
                  <a:pt x="1037943" y="3509598"/>
                  <a:pt x="921637" y="4187546"/>
                  <a:pt x="667785" y="4814483"/>
                </a:cubicBezTo>
                <a:lnTo>
                  <a:pt x="659007" y="4834879"/>
                </a:lnTo>
                <a:lnTo>
                  <a:pt x="682690" y="4848553"/>
                </a:lnTo>
                <a:lnTo>
                  <a:pt x="705857" y="4793626"/>
                </a:lnTo>
                <a:cubicBezTo>
                  <a:pt x="952857" y="4170980"/>
                  <a:pt x="1064551" y="3499551"/>
                  <a:pt x="1029449" y="2824510"/>
                </a:cubicBezTo>
                <a:close/>
                <a:moveTo>
                  <a:pt x="1087606" y="2570614"/>
                </a:moveTo>
                <a:lnTo>
                  <a:pt x="1063055" y="2613137"/>
                </a:lnTo>
                <a:lnTo>
                  <a:pt x="1063756" y="2624143"/>
                </a:lnTo>
                <a:cubicBezTo>
                  <a:pt x="1134355" y="3373136"/>
                  <a:pt x="1024893" y="4123028"/>
                  <a:pt x="750752" y="4813477"/>
                </a:cubicBezTo>
                <a:lnTo>
                  <a:pt x="725512" y="4873276"/>
                </a:lnTo>
                <a:lnTo>
                  <a:pt x="748940" y="4886803"/>
                </a:lnTo>
                <a:lnTo>
                  <a:pt x="775752" y="4823294"/>
                </a:lnTo>
                <a:cubicBezTo>
                  <a:pt x="1051555" y="4128849"/>
                  <a:pt x="1161743" y="3374606"/>
                  <a:pt x="1090844" y="2621241"/>
                </a:cubicBezTo>
                <a:close/>
                <a:moveTo>
                  <a:pt x="1156978" y="2450457"/>
                </a:moveTo>
                <a:lnTo>
                  <a:pt x="1131997" y="2493726"/>
                </a:lnTo>
                <a:lnTo>
                  <a:pt x="1140222" y="2623449"/>
                </a:lnTo>
                <a:cubicBezTo>
                  <a:pt x="1211959" y="3393608"/>
                  <a:pt x="1096125" y="4164263"/>
                  <a:pt x="809298" y="4871887"/>
                </a:cubicBezTo>
                <a:lnTo>
                  <a:pt x="792129" y="4911737"/>
                </a:lnTo>
                <a:lnTo>
                  <a:pt x="815134" y="4925020"/>
                </a:lnTo>
                <a:lnTo>
                  <a:pt x="845537" y="4853078"/>
                </a:lnTo>
                <a:cubicBezTo>
                  <a:pt x="1125444" y="4149125"/>
                  <a:pt x="1237820" y="3384594"/>
                  <a:pt x="1166995" y="2620736"/>
                </a:cubicBezTo>
                <a:cubicBezTo>
                  <a:pt x="1160937" y="2566546"/>
                  <a:pt x="1157539" y="2512632"/>
                  <a:pt x="1156702" y="2459128"/>
                </a:cubicBezTo>
                <a:close/>
                <a:moveTo>
                  <a:pt x="1238758" y="2308811"/>
                </a:moveTo>
                <a:lnTo>
                  <a:pt x="1209588" y="2359334"/>
                </a:lnTo>
                <a:lnTo>
                  <a:pt x="1207057" y="2478050"/>
                </a:lnTo>
                <a:cubicBezTo>
                  <a:pt x="1208160" y="2526259"/>
                  <a:pt x="1211401" y="2574560"/>
                  <a:pt x="1216815" y="2622818"/>
                </a:cubicBezTo>
                <a:cubicBezTo>
                  <a:pt x="1287093" y="3393013"/>
                  <a:pt x="1173072" y="4163651"/>
                  <a:pt x="890528" y="4873252"/>
                </a:cubicBezTo>
                <a:lnTo>
                  <a:pt x="858123" y="4949839"/>
                </a:lnTo>
                <a:lnTo>
                  <a:pt x="881493" y="4963332"/>
                </a:lnTo>
                <a:lnTo>
                  <a:pt x="915426" y="4883102"/>
                </a:lnTo>
                <a:cubicBezTo>
                  <a:pt x="1199446" y="4169496"/>
                  <a:pt x="1313971" y="3394531"/>
                  <a:pt x="1243146" y="2620042"/>
                </a:cubicBezTo>
                <a:cubicBezTo>
                  <a:pt x="1231591" y="2515984"/>
                  <a:pt x="1230243" y="2412988"/>
                  <a:pt x="1238338" y="2312096"/>
                </a:cubicBezTo>
                <a:close/>
                <a:moveTo>
                  <a:pt x="1344033" y="2126470"/>
                </a:moveTo>
                <a:lnTo>
                  <a:pt x="1303102" y="2197364"/>
                </a:lnTo>
                <a:lnTo>
                  <a:pt x="1287693" y="2320151"/>
                </a:lnTo>
                <a:cubicBezTo>
                  <a:pt x="1279967" y="2418944"/>
                  <a:pt x="1281403" y="2519968"/>
                  <a:pt x="1292713" y="2622251"/>
                </a:cubicBezTo>
                <a:cubicBezTo>
                  <a:pt x="1364342" y="3410701"/>
                  <a:pt x="1244603" y="4203028"/>
                  <a:pt x="950323" y="4929610"/>
                </a:cubicBezTo>
                <a:lnTo>
                  <a:pt x="924996" y="4988449"/>
                </a:lnTo>
                <a:lnTo>
                  <a:pt x="947558" y="5001474"/>
                </a:lnTo>
                <a:lnTo>
                  <a:pt x="985197" y="4912579"/>
                </a:lnTo>
                <a:cubicBezTo>
                  <a:pt x="1273362" y="4189472"/>
                  <a:pt x="1390122" y="3404216"/>
                  <a:pt x="1319423" y="2619222"/>
                </a:cubicBezTo>
                <a:cubicBezTo>
                  <a:pt x="1302729" y="2468435"/>
                  <a:pt x="1307879" y="2320431"/>
                  <a:pt x="1332505" y="2178432"/>
                </a:cubicBezTo>
                <a:close/>
                <a:moveTo>
                  <a:pt x="4156577" y="1830102"/>
                </a:moveTo>
                <a:lnTo>
                  <a:pt x="2923326" y="2069399"/>
                </a:lnTo>
                <a:cubicBezTo>
                  <a:pt x="2668050" y="2119530"/>
                  <a:pt x="2490882" y="2352834"/>
                  <a:pt x="2511316" y="2611967"/>
                </a:cubicBezTo>
                <a:cubicBezTo>
                  <a:pt x="2581598" y="3557821"/>
                  <a:pt x="2429147" y="4509013"/>
                  <a:pt x="2076162" y="5382760"/>
                </a:cubicBezTo>
                <a:lnTo>
                  <a:pt x="1983331" y="5599479"/>
                </a:lnTo>
                <a:lnTo>
                  <a:pt x="2006791" y="5613023"/>
                </a:lnTo>
                <a:lnTo>
                  <a:pt x="2101170" y="5392672"/>
                </a:lnTo>
                <a:cubicBezTo>
                  <a:pt x="2455667" y="4515085"/>
                  <a:pt x="2608694" y="3559710"/>
                  <a:pt x="2538151" y="2609822"/>
                </a:cubicBezTo>
                <a:cubicBezTo>
                  <a:pt x="2518647" y="2364247"/>
                  <a:pt x="2686507" y="2143075"/>
                  <a:pt x="2928440" y="2095581"/>
                </a:cubicBezTo>
                <a:lnTo>
                  <a:pt x="4161565" y="1856536"/>
                </a:lnTo>
                <a:cubicBezTo>
                  <a:pt x="4168871" y="1855161"/>
                  <a:pt x="4173677" y="1848126"/>
                  <a:pt x="4172300" y="1840827"/>
                </a:cubicBezTo>
                <a:cubicBezTo>
                  <a:pt x="4170923" y="1833527"/>
                  <a:pt x="4163883" y="1828726"/>
                  <a:pt x="4156577" y="1830102"/>
                </a:cubicBezTo>
                <a:close/>
                <a:moveTo>
                  <a:pt x="4142054" y="1755909"/>
                </a:moveTo>
                <a:lnTo>
                  <a:pt x="2900089" y="1996973"/>
                </a:lnTo>
                <a:cubicBezTo>
                  <a:pt x="2610539" y="2053721"/>
                  <a:pt x="2410160" y="2319151"/>
                  <a:pt x="2435102" y="2612913"/>
                </a:cubicBezTo>
                <a:cubicBezTo>
                  <a:pt x="2505428" y="3548185"/>
                  <a:pt x="2355347" y="4488644"/>
                  <a:pt x="2006426" y="5352842"/>
                </a:cubicBezTo>
                <a:lnTo>
                  <a:pt x="1917182" y="5561287"/>
                </a:lnTo>
                <a:lnTo>
                  <a:pt x="1940628" y="5574824"/>
                </a:lnTo>
                <a:lnTo>
                  <a:pt x="2031374" y="5362840"/>
                </a:lnTo>
                <a:cubicBezTo>
                  <a:pt x="2381770" y="4494858"/>
                  <a:pt x="2532548" y="3550061"/>
                  <a:pt x="2461874" y="2610453"/>
                </a:cubicBezTo>
                <a:cubicBezTo>
                  <a:pt x="2437981" y="2330311"/>
                  <a:pt x="2629015" y="2077128"/>
                  <a:pt x="2905140" y="2022965"/>
                </a:cubicBezTo>
                <a:lnTo>
                  <a:pt x="4147106" y="1782343"/>
                </a:lnTo>
                <a:cubicBezTo>
                  <a:pt x="4154411" y="1780949"/>
                  <a:pt x="4159204" y="1773902"/>
                  <a:pt x="4157809" y="1766602"/>
                </a:cubicBezTo>
                <a:cubicBezTo>
                  <a:pt x="4156413" y="1759303"/>
                  <a:pt x="4149360" y="1754514"/>
                  <a:pt x="4142054" y="1755909"/>
                </a:cubicBezTo>
                <a:close/>
                <a:moveTo>
                  <a:pt x="4127532" y="1681085"/>
                </a:moveTo>
                <a:lnTo>
                  <a:pt x="2876663" y="1923789"/>
                </a:lnTo>
                <a:cubicBezTo>
                  <a:pt x="2552896" y="1987099"/>
                  <a:pt x="2329362" y="2284609"/>
                  <a:pt x="2358888" y="2612913"/>
                </a:cubicBezTo>
                <a:cubicBezTo>
                  <a:pt x="2429300" y="3538035"/>
                  <a:pt x="2281426" y="4468166"/>
                  <a:pt x="1936789" y="5322697"/>
                </a:cubicBezTo>
                <a:lnTo>
                  <a:pt x="1851066" y="5523115"/>
                </a:lnTo>
                <a:lnTo>
                  <a:pt x="1874811" y="5536824"/>
                </a:lnTo>
                <a:lnTo>
                  <a:pt x="1961982" y="5333022"/>
                </a:lnTo>
                <a:cubicBezTo>
                  <a:pt x="2308150" y="4474707"/>
                  <a:pt x="2456732" y="3540409"/>
                  <a:pt x="2386102" y="2611210"/>
                </a:cubicBezTo>
                <a:cubicBezTo>
                  <a:pt x="2357568" y="2296457"/>
                  <a:pt x="2571851" y="2011117"/>
                  <a:pt x="2882282" y="1950476"/>
                </a:cubicBezTo>
                <a:lnTo>
                  <a:pt x="4132772" y="1707456"/>
                </a:lnTo>
                <a:cubicBezTo>
                  <a:pt x="4139996" y="1706024"/>
                  <a:pt x="4144687" y="1699021"/>
                  <a:pt x="4143254" y="1691810"/>
                </a:cubicBezTo>
                <a:cubicBezTo>
                  <a:pt x="4141821" y="1684548"/>
                  <a:pt x="4134824" y="1679772"/>
                  <a:pt x="4127532" y="1681085"/>
                </a:cubicBezTo>
                <a:close/>
                <a:moveTo>
                  <a:pt x="4113008" y="1606639"/>
                </a:moveTo>
                <a:lnTo>
                  <a:pt x="2853615" y="1851363"/>
                </a:lnTo>
                <a:cubicBezTo>
                  <a:pt x="2495429" y="1921228"/>
                  <a:pt x="2248583" y="2251014"/>
                  <a:pt x="2282737" y="2614049"/>
                </a:cubicBezTo>
                <a:cubicBezTo>
                  <a:pt x="2352212" y="3532105"/>
                  <a:pt x="2207605" y="4447846"/>
                  <a:pt x="1867344" y="5291602"/>
                </a:cubicBezTo>
                <a:lnTo>
                  <a:pt x="1784711" y="5484805"/>
                </a:lnTo>
                <a:lnTo>
                  <a:pt x="1808169" y="5498348"/>
                </a:lnTo>
                <a:lnTo>
                  <a:pt x="1891761" y="5302825"/>
                </a:lnTo>
                <a:cubicBezTo>
                  <a:pt x="2233819" y="4454207"/>
                  <a:pt x="2380120" y="3530484"/>
                  <a:pt x="2309447" y="2611651"/>
                </a:cubicBezTo>
                <a:cubicBezTo>
                  <a:pt x="2276366" y="2262225"/>
                  <a:pt x="2513986" y="1944716"/>
                  <a:pt x="2858793" y="1877608"/>
                </a:cubicBezTo>
                <a:lnTo>
                  <a:pt x="4117997" y="1633074"/>
                </a:lnTo>
                <a:cubicBezTo>
                  <a:pt x="4125302" y="1631698"/>
                  <a:pt x="4130108" y="1624664"/>
                  <a:pt x="4128731" y="1617364"/>
                </a:cubicBezTo>
                <a:cubicBezTo>
                  <a:pt x="4127355" y="1610065"/>
                  <a:pt x="4120314" y="1605264"/>
                  <a:pt x="4113008" y="1606639"/>
                </a:cubicBezTo>
                <a:close/>
                <a:moveTo>
                  <a:pt x="4098549" y="1532257"/>
                </a:moveTo>
                <a:lnTo>
                  <a:pt x="2830379" y="1778621"/>
                </a:lnTo>
                <a:cubicBezTo>
                  <a:pt x="2437918" y="1855009"/>
                  <a:pt x="2167866" y="2216940"/>
                  <a:pt x="2206649" y="2614554"/>
                </a:cubicBezTo>
                <a:cubicBezTo>
                  <a:pt x="2276133" y="3522091"/>
                  <a:pt x="2133672" y="4427500"/>
                  <a:pt x="1797500" y="5261699"/>
                </a:cubicBezTo>
                <a:lnTo>
                  <a:pt x="1718479" y="5446566"/>
                </a:lnTo>
                <a:lnTo>
                  <a:pt x="1742049" y="5460174"/>
                </a:lnTo>
                <a:lnTo>
                  <a:pt x="1822545" y="5271824"/>
                </a:lnTo>
                <a:cubicBezTo>
                  <a:pt x="2160201" y="4433783"/>
                  <a:pt x="2303266" y="3524223"/>
                  <a:pt x="2233422" y="2612535"/>
                </a:cubicBezTo>
                <a:cubicBezTo>
                  <a:pt x="2195625" y="2228472"/>
                  <a:pt x="2456425" y="1878705"/>
                  <a:pt x="2835556" y="1804992"/>
                </a:cubicBezTo>
                <a:lnTo>
                  <a:pt x="4103726" y="1558502"/>
                </a:lnTo>
                <a:lnTo>
                  <a:pt x="4104232" y="1558502"/>
                </a:lnTo>
                <a:cubicBezTo>
                  <a:pt x="4110994" y="1556742"/>
                  <a:pt x="4115282" y="1550092"/>
                  <a:pt x="4114088" y="1543209"/>
                </a:cubicBezTo>
                <a:cubicBezTo>
                  <a:pt x="4112825" y="1535897"/>
                  <a:pt x="4105867" y="1530995"/>
                  <a:pt x="4098549" y="1532257"/>
                </a:cubicBezTo>
                <a:close/>
                <a:moveTo>
                  <a:pt x="4084089" y="1457812"/>
                </a:moveTo>
                <a:lnTo>
                  <a:pt x="2807205" y="1705942"/>
                </a:lnTo>
                <a:cubicBezTo>
                  <a:pt x="2380173" y="1788570"/>
                  <a:pt x="2086601" y="2182834"/>
                  <a:pt x="2130120" y="2615248"/>
                </a:cubicBezTo>
                <a:cubicBezTo>
                  <a:pt x="2199773" y="3512137"/>
                  <a:pt x="2059582" y="4407115"/>
                  <a:pt x="1727599" y="5231668"/>
                </a:cubicBezTo>
                <a:lnTo>
                  <a:pt x="1652165" y="5408280"/>
                </a:lnTo>
                <a:lnTo>
                  <a:pt x="1675819" y="5421936"/>
                </a:lnTo>
                <a:lnTo>
                  <a:pt x="1752828" y="5241619"/>
                </a:lnTo>
                <a:cubicBezTo>
                  <a:pt x="2086340" y="4413186"/>
                  <a:pt x="2227178" y="3514010"/>
                  <a:pt x="2157208" y="2612913"/>
                </a:cubicBezTo>
                <a:cubicBezTo>
                  <a:pt x="2114914" y="2194278"/>
                  <a:pt x="2398977" y="1812449"/>
                  <a:pt x="2812383" y="1732250"/>
                </a:cubicBezTo>
                <a:lnTo>
                  <a:pt x="4089267" y="1484057"/>
                </a:lnTo>
                <a:cubicBezTo>
                  <a:pt x="4096522" y="1482631"/>
                  <a:pt x="4101239" y="1475596"/>
                  <a:pt x="4099812" y="1468347"/>
                </a:cubicBezTo>
                <a:cubicBezTo>
                  <a:pt x="4098384" y="1461099"/>
                  <a:pt x="4091344" y="1456386"/>
                  <a:pt x="4084089" y="1457812"/>
                </a:cubicBezTo>
                <a:close/>
                <a:moveTo>
                  <a:pt x="4069376" y="1383366"/>
                </a:moveTo>
                <a:lnTo>
                  <a:pt x="2784031" y="1633263"/>
                </a:lnTo>
                <a:cubicBezTo>
                  <a:pt x="2322921" y="1722686"/>
                  <a:pt x="2006352" y="2148955"/>
                  <a:pt x="2054348" y="2615815"/>
                </a:cubicBezTo>
                <a:cubicBezTo>
                  <a:pt x="2123944" y="3502213"/>
                  <a:pt x="1985822" y="4386866"/>
                  <a:pt x="1657855" y="5201853"/>
                </a:cubicBezTo>
                <a:lnTo>
                  <a:pt x="1586024" y="5370093"/>
                </a:lnTo>
                <a:lnTo>
                  <a:pt x="1609720" y="5383774"/>
                </a:lnTo>
                <a:lnTo>
                  <a:pt x="1683084" y="5211857"/>
                </a:lnTo>
                <a:cubicBezTo>
                  <a:pt x="2012481" y="4392903"/>
                  <a:pt x="2151138" y="3503994"/>
                  <a:pt x="2081120" y="2613355"/>
                </a:cubicBezTo>
                <a:cubicBezTo>
                  <a:pt x="2034476" y="2160229"/>
                  <a:pt x="2341668" y="1746445"/>
                  <a:pt x="2789209" y="1659571"/>
                </a:cubicBezTo>
                <a:lnTo>
                  <a:pt x="4074491" y="1409611"/>
                </a:lnTo>
                <a:cubicBezTo>
                  <a:pt x="4074756" y="1409567"/>
                  <a:pt x="4075015" y="1409517"/>
                  <a:pt x="4075274" y="1409460"/>
                </a:cubicBezTo>
                <a:cubicBezTo>
                  <a:pt x="4082485" y="1407832"/>
                  <a:pt x="4087013" y="1400672"/>
                  <a:pt x="4085383" y="1393467"/>
                </a:cubicBezTo>
                <a:cubicBezTo>
                  <a:pt x="4083754" y="1386262"/>
                  <a:pt x="4076588" y="1381738"/>
                  <a:pt x="4069376" y="1383366"/>
                </a:cubicBezTo>
                <a:close/>
                <a:moveTo>
                  <a:pt x="4055485" y="1308858"/>
                </a:moveTo>
                <a:lnTo>
                  <a:pt x="2761047" y="1560584"/>
                </a:lnTo>
                <a:cubicBezTo>
                  <a:pt x="2265436" y="1656347"/>
                  <a:pt x="1925415" y="2114893"/>
                  <a:pt x="1978070" y="2616509"/>
                </a:cubicBezTo>
                <a:cubicBezTo>
                  <a:pt x="2047858" y="3492232"/>
                  <a:pt x="1912073" y="4366435"/>
                  <a:pt x="1588386" y="5171785"/>
                </a:cubicBezTo>
                <a:lnTo>
                  <a:pt x="1520054" y="5332005"/>
                </a:lnTo>
                <a:lnTo>
                  <a:pt x="1543390" y="5345478"/>
                </a:lnTo>
                <a:lnTo>
                  <a:pt x="1613243" y="5181688"/>
                </a:lnTo>
                <a:cubicBezTo>
                  <a:pt x="1938509" y="4372418"/>
                  <a:pt x="2074980" y="3493968"/>
                  <a:pt x="2004906" y="2613986"/>
                </a:cubicBezTo>
                <a:cubicBezTo>
                  <a:pt x="1953545" y="2126135"/>
                  <a:pt x="2284195" y="1680088"/>
                  <a:pt x="2766225" y="1586955"/>
                </a:cubicBezTo>
                <a:lnTo>
                  <a:pt x="4060663" y="1335166"/>
                </a:lnTo>
                <a:cubicBezTo>
                  <a:pt x="4067930" y="1333740"/>
                  <a:pt x="4072666" y="1326687"/>
                  <a:pt x="4071239" y="1319425"/>
                </a:cubicBezTo>
                <a:cubicBezTo>
                  <a:pt x="4069812" y="1312157"/>
                  <a:pt x="4062753" y="1307432"/>
                  <a:pt x="4055485" y="1308858"/>
                </a:cubicBezTo>
                <a:close/>
                <a:moveTo>
                  <a:pt x="4040583" y="1234349"/>
                </a:moveTo>
                <a:lnTo>
                  <a:pt x="2737558" y="1487779"/>
                </a:lnTo>
                <a:cubicBezTo>
                  <a:pt x="2207722" y="1590198"/>
                  <a:pt x="1844623" y="2080932"/>
                  <a:pt x="1901983" y="2617077"/>
                </a:cubicBezTo>
                <a:cubicBezTo>
                  <a:pt x="1971774" y="3482304"/>
                  <a:pt x="1838134" y="4346198"/>
                  <a:pt x="1518537" y="5142023"/>
                </a:cubicBezTo>
                <a:lnTo>
                  <a:pt x="1453858" y="5293787"/>
                </a:lnTo>
                <a:lnTo>
                  <a:pt x="1477338" y="5307343"/>
                </a:lnTo>
                <a:lnTo>
                  <a:pt x="1543580" y="5151912"/>
                </a:lnTo>
                <a:cubicBezTo>
                  <a:pt x="1864733" y="4352195"/>
                  <a:pt x="1999001" y="3484072"/>
                  <a:pt x="1928819" y="2614617"/>
                </a:cubicBezTo>
                <a:cubicBezTo>
                  <a:pt x="1872912" y="2092256"/>
                  <a:pt x="2226602" y="1614109"/>
                  <a:pt x="2742799" y="1514213"/>
                </a:cubicBezTo>
                <a:lnTo>
                  <a:pt x="4045761" y="1260594"/>
                </a:lnTo>
                <a:cubicBezTo>
                  <a:pt x="4053016" y="1259106"/>
                  <a:pt x="4057752" y="1252103"/>
                  <a:pt x="4056432" y="1244822"/>
                </a:cubicBezTo>
                <a:cubicBezTo>
                  <a:pt x="4056426" y="1244791"/>
                  <a:pt x="4056419" y="1244759"/>
                  <a:pt x="4056413" y="1244728"/>
                </a:cubicBezTo>
                <a:cubicBezTo>
                  <a:pt x="4054910" y="1237491"/>
                  <a:pt x="4047819" y="1232848"/>
                  <a:pt x="4040583" y="1234349"/>
                </a:cubicBezTo>
                <a:close/>
                <a:moveTo>
                  <a:pt x="4026060" y="1160030"/>
                </a:moveTo>
                <a:lnTo>
                  <a:pt x="2714447" y="1415290"/>
                </a:lnTo>
                <a:cubicBezTo>
                  <a:pt x="2148115" y="1527210"/>
                  <a:pt x="1765909" y="2044416"/>
                  <a:pt x="1825769" y="2617708"/>
                </a:cubicBezTo>
                <a:cubicBezTo>
                  <a:pt x="1895583" y="3472339"/>
                  <a:pt x="1764085" y="4325818"/>
                  <a:pt x="1448574" y="5111997"/>
                </a:cubicBezTo>
                <a:lnTo>
                  <a:pt x="1387467" y="5255456"/>
                </a:lnTo>
                <a:lnTo>
                  <a:pt x="1410985" y="5269034"/>
                </a:lnTo>
                <a:lnTo>
                  <a:pt x="1473684" y="5121789"/>
                </a:lnTo>
                <a:cubicBezTo>
                  <a:pt x="1790675" y="4331664"/>
                  <a:pt x="1922750" y="3473931"/>
                  <a:pt x="1852542" y="2615058"/>
                </a:cubicBezTo>
                <a:cubicBezTo>
                  <a:pt x="1794071" y="2055330"/>
                  <a:pt x="2166995" y="1550805"/>
                  <a:pt x="2719625" y="1441598"/>
                </a:cubicBezTo>
                <a:lnTo>
                  <a:pt x="4031301" y="1186338"/>
                </a:lnTo>
                <a:cubicBezTo>
                  <a:pt x="4038588" y="1184906"/>
                  <a:pt x="4043336" y="1177847"/>
                  <a:pt x="4041909" y="1170566"/>
                </a:cubicBezTo>
                <a:cubicBezTo>
                  <a:pt x="4040387" y="1163323"/>
                  <a:pt x="4033334" y="1158636"/>
                  <a:pt x="4026060" y="1160030"/>
                </a:cubicBezTo>
                <a:close/>
                <a:moveTo>
                  <a:pt x="4011537" y="1085522"/>
                </a:moveTo>
                <a:lnTo>
                  <a:pt x="2690895" y="1342800"/>
                </a:lnTo>
                <a:cubicBezTo>
                  <a:pt x="2089834" y="1461471"/>
                  <a:pt x="1685212" y="2010095"/>
                  <a:pt x="1749302" y="2618528"/>
                </a:cubicBezTo>
                <a:cubicBezTo>
                  <a:pt x="1819246" y="3462624"/>
                  <a:pt x="1689992" y="4305782"/>
                  <a:pt x="1378644" y="5082431"/>
                </a:cubicBezTo>
                <a:lnTo>
                  <a:pt x="1321276" y="5217241"/>
                </a:lnTo>
                <a:lnTo>
                  <a:pt x="1344809" y="5230828"/>
                </a:lnTo>
                <a:lnTo>
                  <a:pt x="1403833" y="5092118"/>
                </a:lnTo>
                <a:cubicBezTo>
                  <a:pt x="1716719" y="4311575"/>
                  <a:pt x="1846610" y="3464198"/>
                  <a:pt x="1776327" y="2615879"/>
                </a:cubicBezTo>
                <a:cubicBezTo>
                  <a:pt x="1713689" y="2020757"/>
                  <a:pt x="2109093" y="1484751"/>
                  <a:pt x="2696325" y="1368919"/>
                </a:cubicBezTo>
                <a:lnTo>
                  <a:pt x="4016715" y="1111767"/>
                </a:lnTo>
                <a:cubicBezTo>
                  <a:pt x="4023970" y="1110278"/>
                  <a:pt x="4028706" y="1103275"/>
                  <a:pt x="4027386" y="1095995"/>
                </a:cubicBezTo>
                <a:cubicBezTo>
                  <a:pt x="4025896" y="1088733"/>
                  <a:pt x="4018805" y="1084052"/>
                  <a:pt x="4011537" y="1085522"/>
                </a:cubicBezTo>
                <a:close/>
                <a:moveTo>
                  <a:pt x="3996825" y="1011203"/>
                </a:moveTo>
                <a:lnTo>
                  <a:pt x="2667595" y="1269869"/>
                </a:lnTo>
                <a:cubicBezTo>
                  <a:pt x="2032311" y="1395290"/>
                  <a:pt x="1604704" y="1975712"/>
                  <a:pt x="1673467" y="2618844"/>
                </a:cubicBezTo>
                <a:cubicBezTo>
                  <a:pt x="1743385" y="3452347"/>
                  <a:pt x="1616289" y="4285098"/>
                  <a:pt x="1309084" y="5052141"/>
                </a:cubicBezTo>
                <a:lnTo>
                  <a:pt x="1255123" y="5179047"/>
                </a:lnTo>
                <a:lnTo>
                  <a:pt x="1278582" y="5192591"/>
                </a:lnTo>
                <a:lnTo>
                  <a:pt x="1334058" y="5062112"/>
                </a:lnTo>
                <a:cubicBezTo>
                  <a:pt x="1642811" y="4291148"/>
                  <a:pt x="1770516" y="3454137"/>
                  <a:pt x="1700177" y="2616383"/>
                </a:cubicBezTo>
                <a:cubicBezTo>
                  <a:pt x="1632929" y="1986563"/>
                  <a:pt x="2051317" y="1419075"/>
                  <a:pt x="2672899" y="1296114"/>
                </a:cubicBezTo>
                <a:lnTo>
                  <a:pt x="4002003" y="1037448"/>
                </a:lnTo>
                <a:cubicBezTo>
                  <a:pt x="4009258" y="1035959"/>
                  <a:pt x="4013993" y="1028956"/>
                  <a:pt x="4012674" y="1021675"/>
                </a:cubicBezTo>
                <a:cubicBezTo>
                  <a:pt x="4011184" y="1014414"/>
                  <a:pt x="4004093" y="1009733"/>
                  <a:pt x="3996825" y="1011203"/>
                </a:cubicBezTo>
                <a:close/>
                <a:moveTo>
                  <a:pt x="3982491" y="936505"/>
                </a:moveTo>
                <a:lnTo>
                  <a:pt x="2644611" y="1197190"/>
                </a:lnTo>
                <a:cubicBezTo>
                  <a:pt x="1974471" y="1329803"/>
                  <a:pt x="1524323" y="1941328"/>
                  <a:pt x="1597253" y="2619601"/>
                </a:cubicBezTo>
                <a:cubicBezTo>
                  <a:pt x="1667293" y="3442603"/>
                  <a:pt x="1542402" y="4265059"/>
                  <a:pt x="1239304" y="5022579"/>
                </a:cubicBezTo>
                <a:lnTo>
                  <a:pt x="1189037" y="5140893"/>
                </a:lnTo>
                <a:lnTo>
                  <a:pt x="1212404" y="5154384"/>
                </a:lnTo>
                <a:lnTo>
                  <a:pt x="1264254" y="5032331"/>
                </a:lnTo>
                <a:cubicBezTo>
                  <a:pt x="1568895" y="4270874"/>
                  <a:pt x="1694421" y="3444154"/>
                  <a:pt x="1624026" y="2616888"/>
                </a:cubicBezTo>
                <a:cubicBezTo>
                  <a:pt x="1552611" y="1952495"/>
                  <a:pt x="1993225" y="1353462"/>
                  <a:pt x="2649915" y="1223561"/>
                </a:cubicBezTo>
                <a:lnTo>
                  <a:pt x="3987921" y="962687"/>
                </a:lnTo>
                <a:cubicBezTo>
                  <a:pt x="3995114" y="961230"/>
                  <a:pt x="3999774" y="954233"/>
                  <a:pt x="3998340" y="947041"/>
                </a:cubicBezTo>
                <a:cubicBezTo>
                  <a:pt x="3996850" y="939773"/>
                  <a:pt x="3989772" y="935073"/>
                  <a:pt x="3982491" y="936505"/>
                </a:cubicBezTo>
                <a:close/>
                <a:moveTo>
                  <a:pt x="3968347" y="862123"/>
                </a:moveTo>
                <a:lnTo>
                  <a:pt x="2621501" y="1124889"/>
                </a:lnTo>
                <a:cubicBezTo>
                  <a:pt x="1916884" y="1264191"/>
                  <a:pt x="1443815" y="1907197"/>
                  <a:pt x="1521166" y="2620610"/>
                </a:cubicBezTo>
                <a:cubicBezTo>
                  <a:pt x="1591274" y="3432981"/>
                  <a:pt x="1468578" y="4245010"/>
                  <a:pt x="1169606" y="4992875"/>
                </a:cubicBezTo>
                <a:lnTo>
                  <a:pt x="1122962" y="5102744"/>
                </a:lnTo>
                <a:lnTo>
                  <a:pt x="1146248" y="5116188"/>
                </a:lnTo>
                <a:lnTo>
                  <a:pt x="1194551" y="5002394"/>
                </a:lnTo>
                <a:cubicBezTo>
                  <a:pt x="1495058" y="4250561"/>
                  <a:pt x="1618371" y="3434243"/>
                  <a:pt x="1547875" y="2617582"/>
                </a:cubicBezTo>
                <a:cubicBezTo>
                  <a:pt x="1472166" y="1918111"/>
                  <a:pt x="1935891" y="1287597"/>
                  <a:pt x="2626994" y="1150882"/>
                </a:cubicBezTo>
                <a:lnTo>
                  <a:pt x="3973525" y="888431"/>
                </a:lnTo>
                <a:cubicBezTo>
                  <a:pt x="3980793" y="887005"/>
                  <a:pt x="3985529" y="879958"/>
                  <a:pt x="3984101" y="872690"/>
                </a:cubicBezTo>
                <a:cubicBezTo>
                  <a:pt x="3982674" y="865422"/>
                  <a:pt x="3975615" y="860697"/>
                  <a:pt x="3968347" y="862123"/>
                </a:cubicBezTo>
                <a:close/>
                <a:moveTo>
                  <a:pt x="2576037" y="2475"/>
                </a:moveTo>
                <a:lnTo>
                  <a:pt x="2571750" y="0"/>
                </a:lnTo>
                <a:lnTo>
                  <a:pt x="2569593" y="3737"/>
                </a:lnTo>
                <a:close/>
                <a:moveTo>
                  <a:pt x="2676037" y="60210"/>
                </a:moveTo>
                <a:lnTo>
                  <a:pt x="2640711" y="39815"/>
                </a:lnTo>
                <a:lnTo>
                  <a:pt x="2537045" y="60112"/>
                </a:lnTo>
                <a:lnTo>
                  <a:pt x="2519261" y="90915"/>
                </a:lnTo>
                <a:close/>
                <a:moveTo>
                  <a:pt x="2775934" y="117886"/>
                </a:moveTo>
                <a:lnTo>
                  <a:pt x="2740624" y="97499"/>
                </a:lnTo>
                <a:lnTo>
                  <a:pt x="2486769" y="147191"/>
                </a:lnTo>
                <a:lnTo>
                  <a:pt x="2468990" y="177986"/>
                </a:lnTo>
                <a:close/>
                <a:moveTo>
                  <a:pt x="2875607" y="175432"/>
                </a:moveTo>
                <a:lnTo>
                  <a:pt x="2840431" y="155123"/>
                </a:lnTo>
                <a:lnTo>
                  <a:pt x="2436576" y="234129"/>
                </a:lnTo>
                <a:lnTo>
                  <a:pt x="2418876" y="264786"/>
                </a:lnTo>
                <a:close/>
                <a:moveTo>
                  <a:pt x="2975594" y="233159"/>
                </a:moveTo>
                <a:lnTo>
                  <a:pt x="2940418" y="212851"/>
                </a:lnTo>
                <a:lnTo>
                  <a:pt x="2386287" y="321231"/>
                </a:lnTo>
                <a:lnTo>
                  <a:pt x="2368410" y="352196"/>
                </a:lnTo>
                <a:lnTo>
                  <a:pt x="2371327" y="351478"/>
                </a:lnTo>
                <a:close/>
                <a:moveTo>
                  <a:pt x="3075640" y="290921"/>
                </a:moveTo>
                <a:lnTo>
                  <a:pt x="3040348" y="270545"/>
                </a:lnTo>
                <a:lnTo>
                  <a:pt x="2389323" y="397849"/>
                </a:lnTo>
                <a:lnTo>
                  <a:pt x="2334154" y="411528"/>
                </a:lnTo>
                <a:lnTo>
                  <a:pt x="2315502" y="443835"/>
                </a:lnTo>
                <a:lnTo>
                  <a:pt x="2394627" y="424220"/>
                </a:lnTo>
                <a:close/>
                <a:moveTo>
                  <a:pt x="3175538" y="348597"/>
                </a:moveTo>
                <a:lnTo>
                  <a:pt x="3140418" y="328321"/>
                </a:lnTo>
                <a:lnTo>
                  <a:pt x="2412496" y="470590"/>
                </a:lnTo>
                <a:lnTo>
                  <a:pt x="2281274" y="503119"/>
                </a:lnTo>
                <a:lnTo>
                  <a:pt x="2262691" y="535306"/>
                </a:lnTo>
                <a:lnTo>
                  <a:pt x="2417864" y="496836"/>
                </a:lnTo>
                <a:close/>
                <a:moveTo>
                  <a:pt x="3275431" y="406271"/>
                </a:moveTo>
                <a:lnTo>
                  <a:pt x="3240812" y="386283"/>
                </a:lnTo>
                <a:lnTo>
                  <a:pt x="2435796" y="543585"/>
                </a:lnTo>
                <a:cubicBezTo>
                  <a:pt x="2375005" y="555596"/>
                  <a:pt x="2315424" y="570393"/>
                  <a:pt x="2257167" y="587822"/>
                </a:cubicBezTo>
                <a:lnTo>
                  <a:pt x="2226054" y="598765"/>
                </a:lnTo>
                <a:lnTo>
                  <a:pt x="2205753" y="633926"/>
                </a:lnTo>
                <a:lnTo>
                  <a:pt x="2264841" y="613129"/>
                </a:lnTo>
                <a:cubicBezTo>
                  <a:pt x="2322283" y="595926"/>
                  <a:pt x="2381031" y="581316"/>
                  <a:pt x="2440974" y="569451"/>
                </a:cubicBezTo>
                <a:close/>
                <a:moveTo>
                  <a:pt x="3375392" y="463983"/>
                </a:moveTo>
                <a:lnTo>
                  <a:pt x="3340350" y="443751"/>
                </a:lnTo>
                <a:lnTo>
                  <a:pt x="2459222" y="615885"/>
                </a:lnTo>
                <a:cubicBezTo>
                  <a:pt x="2400558" y="627478"/>
                  <a:pt x="2343062" y="641758"/>
                  <a:pt x="2286845" y="658576"/>
                </a:cubicBezTo>
                <a:lnTo>
                  <a:pt x="2167241" y="700632"/>
                </a:lnTo>
                <a:lnTo>
                  <a:pt x="2146734" y="736150"/>
                </a:lnTo>
                <a:lnTo>
                  <a:pt x="2294298" y="684230"/>
                </a:lnTo>
                <a:cubicBezTo>
                  <a:pt x="2349692" y="667648"/>
                  <a:pt x="2406345" y="653565"/>
                  <a:pt x="2464148" y="642130"/>
                </a:cubicBezTo>
                <a:close/>
                <a:moveTo>
                  <a:pt x="3475571" y="521822"/>
                </a:moveTo>
                <a:lnTo>
                  <a:pt x="3440382" y="501505"/>
                </a:lnTo>
                <a:lnTo>
                  <a:pt x="2482207" y="688690"/>
                </a:lnTo>
                <a:cubicBezTo>
                  <a:pt x="2369164" y="711039"/>
                  <a:pt x="2260621" y="743740"/>
                  <a:pt x="2157418" y="785641"/>
                </a:cubicBezTo>
                <a:lnTo>
                  <a:pt x="2103883" y="810370"/>
                </a:lnTo>
                <a:lnTo>
                  <a:pt x="2080642" y="850624"/>
                </a:lnTo>
                <a:lnTo>
                  <a:pt x="2167626" y="810407"/>
                </a:lnTo>
                <a:cubicBezTo>
                  <a:pt x="2269268" y="769091"/>
                  <a:pt x="2376173" y="736828"/>
                  <a:pt x="2487510" y="714746"/>
                </a:cubicBezTo>
                <a:close/>
                <a:moveTo>
                  <a:pt x="3575715" y="579640"/>
                </a:moveTo>
                <a:lnTo>
                  <a:pt x="3540445" y="559276"/>
                </a:lnTo>
                <a:lnTo>
                  <a:pt x="2505443" y="761243"/>
                </a:lnTo>
                <a:cubicBezTo>
                  <a:pt x="2342285" y="793513"/>
                  <a:pt x="2188863" y="848183"/>
                  <a:pt x="2047910" y="921524"/>
                </a:cubicBezTo>
                <a:lnTo>
                  <a:pt x="2035568" y="928695"/>
                </a:lnTo>
                <a:lnTo>
                  <a:pt x="2008623" y="975366"/>
                </a:lnTo>
                <a:lnTo>
                  <a:pt x="2060276" y="945343"/>
                </a:lnTo>
                <a:cubicBezTo>
                  <a:pt x="2199019" y="873126"/>
                  <a:pt x="2350031" y="819285"/>
                  <a:pt x="2510621" y="787488"/>
                </a:cubicBezTo>
                <a:close/>
                <a:moveTo>
                  <a:pt x="3675634" y="637328"/>
                </a:moveTo>
                <a:lnTo>
                  <a:pt x="3640173" y="616855"/>
                </a:lnTo>
                <a:lnTo>
                  <a:pt x="2528680" y="833796"/>
                </a:lnTo>
                <a:cubicBezTo>
                  <a:pt x="2326991" y="873530"/>
                  <a:pt x="2136480" y="950457"/>
                  <a:pt x="1966063" y="1058906"/>
                </a:cubicBezTo>
                <a:lnTo>
                  <a:pt x="1956512" y="1065624"/>
                </a:lnTo>
                <a:lnTo>
                  <a:pt x="1924686" y="1120749"/>
                </a:lnTo>
                <a:lnTo>
                  <a:pt x="1972297" y="1086831"/>
                </a:lnTo>
                <a:cubicBezTo>
                  <a:pt x="2139078" y="979252"/>
                  <a:pt x="2328327" y="900938"/>
                  <a:pt x="2533921" y="860230"/>
                </a:cubicBezTo>
                <a:close/>
                <a:moveTo>
                  <a:pt x="3775430" y="694945"/>
                </a:moveTo>
                <a:lnTo>
                  <a:pt x="3739942" y="674456"/>
                </a:lnTo>
                <a:lnTo>
                  <a:pt x="2551980" y="906222"/>
                </a:lnTo>
                <a:cubicBezTo>
                  <a:pt x="2299406" y="956260"/>
                  <a:pt x="2072880" y="1062696"/>
                  <a:pt x="1883548" y="1210367"/>
                </a:cubicBezTo>
                <a:lnTo>
                  <a:pt x="1862566" y="1228344"/>
                </a:lnTo>
                <a:lnTo>
                  <a:pt x="1822113" y="1298411"/>
                </a:lnTo>
                <a:lnTo>
                  <a:pt x="1900091" y="1231612"/>
                </a:lnTo>
                <a:cubicBezTo>
                  <a:pt x="2086187" y="1086494"/>
                  <a:pt x="2308843" y="981914"/>
                  <a:pt x="2557094" y="932783"/>
                </a:cubicBezTo>
                <a:close/>
                <a:moveTo>
                  <a:pt x="3875651" y="752808"/>
                </a:moveTo>
                <a:lnTo>
                  <a:pt x="3840301" y="732399"/>
                </a:lnTo>
                <a:lnTo>
                  <a:pt x="2574964" y="979279"/>
                </a:lnTo>
                <a:cubicBezTo>
                  <a:pt x="2236611" y="1046323"/>
                  <a:pt x="1946964" y="1219102"/>
                  <a:pt x="1735391" y="1457855"/>
                </a:cubicBezTo>
                <a:lnTo>
                  <a:pt x="1716684" y="1481018"/>
                </a:lnTo>
                <a:lnTo>
                  <a:pt x="1446983" y="1948155"/>
                </a:lnTo>
                <a:lnTo>
                  <a:pt x="1412225" y="2055959"/>
                </a:lnTo>
                <a:cubicBezTo>
                  <a:pt x="1363622" y="2234653"/>
                  <a:pt x="1347363" y="2425617"/>
                  <a:pt x="1368927" y="2621430"/>
                </a:cubicBezTo>
                <a:cubicBezTo>
                  <a:pt x="1440108" y="3421786"/>
                  <a:pt x="1318317" y="4222030"/>
                  <a:pt x="1020508" y="4957395"/>
                </a:cubicBezTo>
                <a:lnTo>
                  <a:pt x="990802" y="5026441"/>
                </a:lnTo>
                <a:lnTo>
                  <a:pt x="1013845" y="5039745"/>
                </a:lnTo>
                <a:lnTo>
                  <a:pt x="1054986" y="4942653"/>
                </a:lnTo>
                <a:cubicBezTo>
                  <a:pt x="1347255" y="4209934"/>
                  <a:pt x="1466195" y="3414294"/>
                  <a:pt x="1395573" y="2618718"/>
                </a:cubicBezTo>
                <a:cubicBezTo>
                  <a:pt x="1311025" y="1849533"/>
                  <a:pt x="1820275" y="1155929"/>
                  <a:pt x="2580079" y="1005588"/>
                </a:cubicBezTo>
                <a:close/>
                <a:moveTo>
                  <a:pt x="3968634" y="806492"/>
                </a:moveTo>
                <a:lnTo>
                  <a:pt x="3940438" y="790213"/>
                </a:lnTo>
                <a:lnTo>
                  <a:pt x="2598138" y="1051895"/>
                </a:lnTo>
                <a:cubicBezTo>
                  <a:pt x="1859361" y="1197947"/>
                  <a:pt x="1363307" y="1872750"/>
                  <a:pt x="1445141" y="2620989"/>
                </a:cubicBezTo>
                <a:cubicBezTo>
                  <a:pt x="1515328" y="3422833"/>
                  <a:pt x="1394837" y="4224537"/>
                  <a:pt x="1100009" y="4962870"/>
                </a:cubicBezTo>
                <a:lnTo>
                  <a:pt x="1056869" y="5064585"/>
                </a:lnTo>
                <a:lnTo>
                  <a:pt x="1080039" y="5077962"/>
                </a:lnTo>
                <a:lnTo>
                  <a:pt x="1124702" y="4972656"/>
                </a:lnTo>
                <a:cubicBezTo>
                  <a:pt x="1421112" y="4230361"/>
                  <a:pt x="1542263" y="3424360"/>
                  <a:pt x="1471724" y="2618213"/>
                </a:cubicBezTo>
                <a:cubicBezTo>
                  <a:pt x="1391090" y="1883790"/>
                  <a:pt x="1878178" y="1221731"/>
                  <a:pt x="2603442" y="1078203"/>
                </a:cubicBezTo>
                <a:lnTo>
                  <a:pt x="3958686" y="813985"/>
                </a:lnTo>
                <a:cubicBezTo>
                  <a:pt x="3959236" y="813910"/>
                  <a:pt x="3959785" y="813802"/>
                  <a:pt x="3960322" y="813657"/>
                </a:cubicBezTo>
                <a:cubicBezTo>
                  <a:pt x="3963911" y="812711"/>
                  <a:pt x="3966776" y="810399"/>
                  <a:pt x="3968507" y="807427"/>
                </a:cubicBezTo>
                <a:close/>
              </a:path>
            </a:pathLst>
          </a:custGeom>
          <a:solidFill>
            <a:schemeClr val="accent2">
              <a:alpha val="40000"/>
            </a:schemeClr>
          </a:solidFill>
          <a:ln w="630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2489"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5" name="TextBox 4">
            <a:extLst>
              <a:ext uri="{FF2B5EF4-FFF2-40B4-BE49-F238E27FC236}">
                <a16:creationId xmlns:a16="http://schemas.microsoft.com/office/drawing/2014/main" id="{60891E2F-9C7E-E90D-042E-4B3EAF94AA43}"/>
              </a:ext>
            </a:extLst>
          </p:cNvPr>
          <p:cNvSpPr txBox="1"/>
          <p:nvPr/>
        </p:nvSpPr>
        <p:spPr>
          <a:xfrm>
            <a:off x="2145436" y="2562160"/>
            <a:ext cx="7901127" cy="1733680"/>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5333" b="0" i="0" u="none" strike="noStrike" kern="1200" cap="none" spc="400" normalizeH="0" baseline="0" noProof="0" dirty="0">
                <a:ln>
                  <a:noFill/>
                </a:ln>
                <a:solidFill>
                  <a:srgbClr val="F3F3F3"/>
                </a:solidFill>
                <a:effectLst/>
                <a:uLnTx/>
                <a:uFillTx/>
                <a:latin typeface="Montserrat Light" panose="02020603050405020304"/>
                <a:ea typeface="+mn-ea"/>
                <a:cs typeface="+mn-cs"/>
              </a:rPr>
              <a:t>The Value of</a:t>
            </a:r>
          </a:p>
          <a:p>
            <a:pPr marL="0" marR="0" lvl="0" indent="0" algn="ctr" defTabSz="914400" rtl="0" eaLnBrk="1" fontAlgn="auto" latinLnBrk="0" hangingPunct="1">
              <a:lnSpc>
                <a:spcPct val="100000"/>
              </a:lnSpc>
              <a:spcBef>
                <a:spcPts val="0"/>
              </a:spcBef>
              <a:spcAft>
                <a:spcPts val="0"/>
              </a:spcAft>
              <a:buClrTx/>
              <a:buSzTx/>
              <a:buFontTx/>
              <a:buNone/>
              <a:tabLst/>
              <a:defRPr/>
            </a:pPr>
            <a:r>
              <a:rPr lang="en-US" sz="5333" spc="400" dirty="0">
                <a:solidFill>
                  <a:srgbClr val="F3F3F3"/>
                </a:solidFill>
                <a:latin typeface="Montserrat Light" panose="02020603050405020304"/>
              </a:rPr>
              <a:t>Autobooks Capital</a:t>
            </a:r>
            <a:endParaRPr kumimoji="0" lang="en-US" sz="5333" b="0" i="0" u="none" strike="noStrike" kern="1200" cap="none" spc="400" normalizeH="0" baseline="0" noProof="0" dirty="0">
              <a:ln>
                <a:noFill/>
              </a:ln>
              <a:solidFill>
                <a:srgbClr val="F3F3F3"/>
              </a:solidFill>
              <a:effectLst/>
              <a:uLnTx/>
              <a:uFillTx/>
              <a:latin typeface="Montserrat Bold" panose="020B0604020202020204"/>
              <a:ea typeface="+mn-ea"/>
              <a:cs typeface="+mn-cs"/>
            </a:endParaRPr>
          </a:p>
        </p:txBody>
      </p:sp>
    </p:spTree>
    <p:extLst>
      <p:ext uri="{BB962C8B-B14F-4D97-AF65-F5344CB8AC3E}">
        <p14:creationId xmlns:p14="http://schemas.microsoft.com/office/powerpoint/2010/main" val="31483689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312B6A93-9D02-C35C-7E8E-DE9741FBCCA4}"/>
              </a:ext>
            </a:extLst>
          </p:cNvPr>
          <p:cNvSpPr>
            <a:spLocks noGrp="1"/>
          </p:cNvSpPr>
          <p:nvPr>
            <p:ph type="title"/>
          </p:nvPr>
        </p:nvSpPr>
        <p:spPr>
          <a:xfrm>
            <a:off x="7690263" y="1013949"/>
            <a:ext cx="3606387" cy="1129472"/>
          </a:xfrm>
        </p:spPr>
        <p:txBody>
          <a:bodyPr vert="horz" lIns="91440" tIns="45720" rIns="91440" bIns="45720" rtlCol="0" anchor="t">
            <a:normAutofit/>
          </a:bodyPr>
          <a:lstStyle/>
          <a:p>
            <a:r>
              <a:rPr lang="en-US" dirty="0"/>
              <a:t>Picture this…</a:t>
            </a:r>
            <a:endParaRPr lang="en-US"/>
          </a:p>
        </p:txBody>
      </p:sp>
      <p:sp>
        <p:nvSpPr>
          <p:cNvPr id="6" name="TextBox 5">
            <a:extLst>
              <a:ext uri="{FF2B5EF4-FFF2-40B4-BE49-F238E27FC236}">
                <a16:creationId xmlns:a16="http://schemas.microsoft.com/office/drawing/2014/main" id="{03DC7410-8AD8-6765-A5BB-1CC12C029760}"/>
              </a:ext>
            </a:extLst>
          </p:cNvPr>
          <p:cNvSpPr txBox="1"/>
          <p:nvPr/>
        </p:nvSpPr>
        <p:spPr>
          <a:xfrm>
            <a:off x="7690264" y="1973399"/>
            <a:ext cx="3606386" cy="2368231"/>
          </a:xfrm>
          <a:prstGeom prst="rect">
            <a:avLst/>
          </a:prstGeom>
        </p:spPr>
        <p:txBody>
          <a:bodyPr vert="horz" lIns="91440" tIns="45720" rIns="91440" bIns="45720" rtlCol="0">
            <a:noAutofit/>
          </a:bodyPr>
          <a:lstStyle/>
          <a:p>
            <a:pPr>
              <a:lnSpc>
                <a:spcPts val="2000"/>
              </a:lnSpc>
              <a:spcBef>
                <a:spcPts val="1000"/>
              </a:spcBef>
              <a:defRPr/>
            </a:pPr>
            <a:r>
              <a:rPr lang="en-US" dirty="0">
                <a:solidFill>
                  <a:schemeClr val="bg1"/>
                </a:solidFill>
                <a:effectLst/>
                <a:latin typeface="Source Sans Pro" panose="020B0503030403020204" pitchFamily="34" charset="0"/>
                <a:ea typeface="Source Sans Pro" panose="020B0503030403020204" pitchFamily="34" charset="0"/>
              </a:rPr>
              <a:t>Tori, the owner of AAA Lawn Care, is gearing up for a busy summer season, where she'll make the bulk of her revenue. To get ready for the season, she needs to purchase about $10,000 worth of supplies and materials but her account balance is at its lowest of the year until summer arrives.</a:t>
            </a:r>
          </a:p>
          <a:p>
            <a:pPr>
              <a:lnSpc>
                <a:spcPts val="2000"/>
              </a:lnSpc>
              <a:spcBef>
                <a:spcPts val="1000"/>
              </a:spcBef>
              <a:defRPr/>
            </a:pPr>
            <a:endParaRPr lang="en-US" dirty="0">
              <a:solidFill>
                <a:schemeClr val="bg1"/>
              </a:solidFill>
              <a:latin typeface="Source Sans Pro" panose="020B0503030403020204" pitchFamily="34" charset="0"/>
              <a:ea typeface="Source Sans Pro" panose="020B0503030403020204" pitchFamily="34" charset="0"/>
            </a:endParaRPr>
          </a:p>
          <a:p>
            <a:pPr>
              <a:lnSpc>
                <a:spcPts val="2000"/>
              </a:lnSpc>
              <a:spcBef>
                <a:spcPts val="1000"/>
              </a:spcBef>
              <a:defRPr/>
            </a:pPr>
            <a:r>
              <a:rPr lang="en-US" dirty="0">
                <a:solidFill>
                  <a:schemeClr val="bg1"/>
                </a:solidFill>
                <a:latin typeface="Source Sans Pro" panose="020B0503030403020204" pitchFamily="34" charset="0"/>
                <a:ea typeface="Source Sans Pro" panose="020B0503030403020204" pitchFamily="34" charset="0"/>
              </a:rPr>
              <a:t>What can Tori do to get her business out of this jam? </a:t>
            </a:r>
          </a:p>
          <a:p>
            <a:pPr>
              <a:lnSpc>
                <a:spcPts val="2000"/>
              </a:lnSpc>
              <a:spcBef>
                <a:spcPts val="1000"/>
              </a:spcBef>
              <a:defRPr/>
            </a:pPr>
            <a:r>
              <a:rPr lang="en-US" dirty="0">
                <a:solidFill>
                  <a:schemeClr val="bg1"/>
                </a:solidFill>
                <a:latin typeface="Source Sans Pro" panose="020B0503030403020204" pitchFamily="34" charset="0"/>
                <a:ea typeface="Source Sans Pro" panose="020B0503030403020204" pitchFamily="34" charset="0"/>
              </a:rPr>
              <a:t>What can YOU do to help her?</a:t>
            </a:r>
          </a:p>
        </p:txBody>
      </p:sp>
      <p:pic>
        <p:nvPicPr>
          <p:cNvPr id="8" name="Picture 7" descr="Aerial view of person pushing lawn mower on grass between garden bed and path">
            <a:extLst>
              <a:ext uri="{FF2B5EF4-FFF2-40B4-BE49-F238E27FC236}">
                <a16:creationId xmlns:a16="http://schemas.microsoft.com/office/drawing/2014/main" id="{203CEAFE-6917-2CA5-CBFA-DD31E56D6B91}"/>
              </a:ext>
            </a:extLst>
          </p:cNvPr>
          <p:cNvPicPr>
            <a:picLocks noChangeAspect="1"/>
          </p:cNvPicPr>
          <p:nvPr/>
        </p:nvPicPr>
        <p:blipFill>
          <a:blip r:embed="rId2"/>
          <a:srcRect l="7390" r="22431"/>
          <a:stretch>
            <a:fillRect/>
          </a:stretch>
        </p:blipFill>
        <p:spPr>
          <a:xfrm>
            <a:off x="20" y="10"/>
            <a:ext cx="7237359" cy="6857990"/>
          </a:xfrm>
          <a:prstGeom prst="rect">
            <a:avLst/>
          </a:prstGeom>
          <a:noFill/>
        </p:spPr>
      </p:pic>
      <p:sp>
        <p:nvSpPr>
          <p:cNvPr id="3" name="Slide Number Placeholder 2" hidden="1">
            <a:extLst>
              <a:ext uri="{FF2B5EF4-FFF2-40B4-BE49-F238E27FC236}">
                <a16:creationId xmlns:a16="http://schemas.microsoft.com/office/drawing/2014/main" id="{70703443-C125-B472-E79D-E85C6C9914E9}"/>
              </a:ext>
            </a:extLst>
          </p:cNvPr>
          <p:cNvSpPr>
            <a:spLocks noGrp="1"/>
          </p:cNvSpPr>
          <p:nvPr>
            <p:ph type="sldNum" sz="quarter" idx="4294967295"/>
          </p:nvPr>
        </p:nvSpPr>
        <p:spPr>
          <a:xfrm>
            <a:off x="609600" y="6356351"/>
            <a:ext cx="558800" cy="366183"/>
          </a:xfrm>
        </p:spPr>
        <p:txBody>
          <a:bodyPr/>
          <a:lstStyle/>
          <a:p>
            <a:pPr marL="0" marR="0" lvl="0" indent="0" algn="l" defTabSz="914400" rtl="0" eaLnBrk="1" fontAlgn="auto" latinLnBrk="0" hangingPunct="1">
              <a:lnSpc>
                <a:spcPct val="100000"/>
              </a:lnSpc>
              <a:spcBef>
                <a:spcPts val="0"/>
              </a:spcBef>
              <a:spcAft>
                <a:spcPts val="60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600"/>
                </a:spcAft>
                <a:buClr>
                  <a:srgbClr val="000000"/>
                </a:buClr>
                <a:buSzTx/>
                <a:buFont typeface="Arial"/>
                <a:buNone/>
                <a:tabLst/>
                <a:defRPr/>
              </a:pPr>
              <a:t>4</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Tree>
    <p:extLst>
      <p:ext uri="{BB962C8B-B14F-4D97-AF65-F5344CB8AC3E}">
        <p14:creationId xmlns:p14="http://schemas.microsoft.com/office/powerpoint/2010/main" val="2226997795"/>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265339-2C3E-7610-CBCB-5FCE134238A7}"/>
              </a:ext>
            </a:extLst>
          </p:cNvPr>
          <p:cNvSpPr>
            <a:spLocks noGrp="1"/>
          </p:cNvSpPr>
          <p:nvPr>
            <p:ph type="title"/>
          </p:nvPr>
        </p:nvSpPr>
        <p:spPr/>
        <p:txBody>
          <a:bodyPr/>
          <a:lstStyle/>
          <a:p>
            <a:r>
              <a:rPr lang="en-US"/>
              <a:t>The Growing Demand for Small Business Capital</a:t>
            </a:r>
          </a:p>
        </p:txBody>
      </p:sp>
      <p:sp>
        <p:nvSpPr>
          <p:cNvPr id="6" name="Slide Number Placeholder 5">
            <a:extLst>
              <a:ext uri="{FF2B5EF4-FFF2-40B4-BE49-F238E27FC236}">
                <a16:creationId xmlns:a16="http://schemas.microsoft.com/office/drawing/2014/main" id="{449CFA64-B9B1-D64B-BA0E-A652682CC034}"/>
              </a:ext>
            </a:extLst>
          </p:cNvPr>
          <p:cNvSpPr>
            <a:spLocks noGrp="1"/>
          </p:cNvSpPr>
          <p:nvPr>
            <p:ph type="sldNum" sz="quarter" idx="11"/>
          </p:nvPr>
        </p:nvSpPr>
        <p:spPr/>
        <p:txBody>
          <a:bodyPr/>
          <a:lstStyle/>
          <a:p>
            <a:fld id="{F7CADEA9-0AFC-B549-B690-A46B9B6402E4}" type="slidenum">
              <a:rPr lang="en-US" smtClean="0"/>
              <a:pPr/>
              <a:t>5</a:t>
            </a:fld>
            <a:endParaRPr lang="en-US"/>
          </a:p>
        </p:txBody>
      </p:sp>
      <p:sp>
        <p:nvSpPr>
          <p:cNvPr id="10" name="TextBox 9">
            <a:extLst>
              <a:ext uri="{FF2B5EF4-FFF2-40B4-BE49-F238E27FC236}">
                <a16:creationId xmlns:a16="http://schemas.microsoft.com/office/drawing/2014/main" id="{C50AC9B9-07EE-5724-52D3-2C47EE1B03F1}"/>
              </a:ext>
            </a:extLst>
          </p:cNvPr>
          <p:cNvSpPr txBox="1"/>
          <p:nvPr/>
        </p:nvSpPr>
        <p:spPr>
          <a:xfrm>
            <a:off x="1359759" y="1741248"/>
            <a:ext cx="2047355" cy="1293752"/>
          </a:xfrm>
          <a:prstGeom prst="rect">
            <a:avLst/>
          </a:prstGeom>
          <a:noFill/>
        </p:spPr>
        <p:txBody>
          <a:bodyPr wrap="none">
            <a:spAutoFit/>
          </a:bodyPr>
          <a:lstStyle/>
          <a:p>
            <a:r>
              <a:rPr lang="en-US" sz="1800" b="1" dirty="0">
                <a:solidFill>
                  <a:schemeClr val="accent1"/>
                </a:solidFill>
                <a:latin typeface="+mn-lt"/>
              </a:rPr>
              <a:t>Over</a:t>
            </a:r>
          </a:p>
          <a:p>
            <a:pPr>
              <a:lnSpc>
                <a:spcPct val="90000"/>
              </a:lnSpc>
            </a:pPr>
            <a:r>
              <a:rPr lang="en-US" sz="6600" b="1" dirty="0">
                <a:solidFill>
                  <a:schemeClr val="bg1"/>
                </a:solidFill>
                <a:latin typeface="+mj-lt"/>
              </a:rPr>
              <a:t>60</a:t>
            </a:r>
            <a:r>
              <a:rPr lang="en-US" sz="4800" dirty="0">
                <a:solidFill>
                  <a:schemeClr val="bg1"/>
                </a:solidFill>
                <a:latin typeface="Montserrat" pitchFamily="2" charset="77"/>
              </a:rPr>
              <a:t>%</a:t>
            </a:r>
            <a:r>
              <a:rPr lang="en-US" sz="6600" b="1" dirty="0">
                <a:solidFill>
                  <a:schemeClr val="bg1"/>
                </a:solidFill>
                <a:latin typeface="+mj-lt"/>
              </a:rPr>
              <a:t> </a:t>
            </a:r>
          </a:p>
        </p:txBody>
      </p:sp>
      <p:sp>
        <p:nvSpPr>
          <p:cNvPr id="11" name="TextBox 10">
            <a:extLst>
              <a:ext uri="{FF2B5EF4-FFF2-40B4-BE49-F238E27FC236}">
                <a16:creationId xmlns:a16="http://schemas.microsoft.com/office/drawing/2014/main" id="{7C48D817-2D5A-2B05-3664-77DAEADEB78D}"/>
              </a:ext>
            </a:extLst>
          </p:cNvPr>
          <p:cNvSpPr txBox="1"/>
          <p:nvPr/>
        </p:nvSpPr>
        <p:spPr>
          <a:xfrm>
            <a:off x="1359758" y="2871828"/>
            <a:ext cx="3608573" cy="1200329"/>
          </a:xfrm>
          <a:prstGeom prst="rect">
            <a:avLst/>
          </a:prstGeom>
          <a:noFill/>
        </p:spPr>
        <p:txBody>
          <a:bodyPr wrap="square">
            <a:spAutoFit/>
          </a:bodyPr>
          <a:lstStyle/>
          <a:p>
            <a:r>
              <a:rPr lang="en-US" sz="1800" b="1" dirty="0">
                <a:solidFill>
                  <a:schemeClr val="accent1"/>
                </a:solidFill>
                <a:latin typeface="+mn-lt"/>
              </a:rPr>
              <a:t>of small businesses </a:t>
            </a:r>
            <a:r>
              <a:rPr lang="en-US" sz="1800" dirty="0">
                <a:solidFill>
                  <a:schemeClr val="bg1"/>
                </a:solidFill>
                <a:latin typeface="+mn-lt"/>
              </a:rPr>
              <a:t>report cash flow as a primary challenge. Many struggle to cover payroll, rent, and inventory expenses.</a:t>
            </a:r>
            <a:endParaRPr lang="en-US" sz="6600" b="1" dirty="0">
              <a:solidFill>
                <a:schemeClr val="bg1"/>
              </a:solidFill>
              <a:latin typeface="+mn-lt"/>
            </a:endParaRPr>
          </a:p>
        </p:txBody>
      </p:sp>
      <p:sp>
        <p:nvSpPr>
          <p:cNvPr id="12" name="TextBox 11">
            <a:extLst>
              <a:ext uri="{FF2B5EF4-FFF2-40B4-BE49-F238E27FC236}">
                <a16:creationId xmlns:a16="http://schemas.microsoft.com/office/drawing/2014/main" id="{44E5700A-4DC5-44F2-E1B2-C2A1CBC1D714}"/>
              </a:ext>
            </a:extLst>
          </p:cNvPr>
          <p:cNvSpPr txBox="1"/>
          <p:nvPr/>
        </p:nvSpPr>
        <p:spPr>
          <a:xfrm>
            <a:off x="6096000" y="1741248"/>
            <a:ext cx="2534684" cy="369332"/>
          </a:xfrm>
          <a:prstGeom prst="rect">
            <a:avLst/>
          </a:prstGeom>
          <a:noFill/>
        </p:spPr>
        <p:txBody>
          <a:bodyPr wrap="square">
            <a:spAutoFit/>
          </a:bodyPr>
          <a:lstStyle/>
          <a:p>
            <a:r>
              <a:rPr lang="en-US" sz="1800" b="1" dirty="0">
                <a:solidFill>
                  <a:schemeClr val="accent1"/>
                </a:solidFill>
                <a:latin typeface="+mn-lt"/>
              </a:rPr>
              <a:t>Capital lines between</a:t>
            </a:r>
          </a:p>
        </p:txBody>
      </p:sp>
      <p:sp>
        <p:nvSpPr>
          <p:cNvPr id="13" name="TextBox 12">
            <a:extLst>
              <a:ext uri="{FF2B5EF4-FFF2-40B4-BE49-F238E27FC236}">
                <a16:creationId xmlns:a16="http://schemas.microsoft.com/office/drawing/2014/main" id="{4BFA92BE-A8FC-D930-E0E4-74E5E4A536DD}"/>
              </a:ext>
            </a:extLst>
          </p:cNvPr>
          <p:cNvSpPr txBox="1"/>
          <p:nvPr/>
        </p:nvSpPr>
        <p:spPr>
          <a:xfrm>
            <a:off x="6096000" y="2090404"/>
            <a:ext cx="4863832" cy="923330"/>
          </a:xfrm>
          <a:prstGeom prst="rect">
            <a:avLst/>
          </a:prstGeom>
          <a:noFill/>
        </p:spPr>
        <p:txBody>
          <a:bodyPr wrap="none">
            <a:spAutoFit/>
          </a:bodyPr>
          <a:lstStyle/>
          <a:p>
            <a:pPr>
              <a:lnSpc>
                <a:spcPct val="90000"/>
              </a:lnSpc>
            </a:pPr>
            <a:r>
              <a:rPr lang="en-US" sz="4800" dirty="0">
                <a:solidFill>
                  <a:schemeClr val="bg1"/>
                </a:solidFill>
                <a:latin typeface="Montserrat" pitchFamily="2" charset="77"/>
              </a:rPr>
              <a:t>$</a:t>
            </a:r>
            <a:r>
              <a:rPr lang="en-US" sz="6000" b="1" dirty="0">
                <a:solidFill>
                  <a:schemeClr val="bg1"/>
                </a:solidFill>
                <a:latin typeface="+mj-lt"/>
              </a:rPr>
              <a:t>10k</a:t>
            </a:r>
            <a:r>
              <a:rPr lang="en-US" sz="4800" dirty="0">
                <a:solidFill>
                  <a:schemeClr val="bg1"/>
                </a:solidFill>
                <a:latin typeface="Montserrat" pitchFamily="2" charset="77"/>
              </a:rPr>
              <a:t> </a:t>
            </a:r>
            <a:r>
              <a:rPr lang="en-US" sz="4800" dirty="0">
                <a:solidFill>
                  <a:schemeClr val="accent1"/>
                </a:solidFill>
                <a:latin typeface="Montserrat" pitchFamily="2" charset="77"/>
              </a:rPr>
              <a:t>&amp; </a:t>
            </a:r>
            <a:r>
              <a:rPr lang="en-US" sz="4800" dirty="0">
                <a:solidFill>
                  <a:schemeClr val="bg1"/>
                </a:solidFill>
                <a:latin typeface="Montserrat" pitchFamily="2" charset="77"/>
              </a:rPr>
              <a:t>$</a:t>
            </a:r>
            <a:r>
              <a:rPr lang="en-US" sz="6000" b="1" dirty="0">
                <a:solidFill>
                  <a:schemeClr val="bg1"/>
                </a:solidFill>
                <a:latin typeface="+mj-lt"/>
              </a:rPr>
              <a:t>100k</a:t>
            </a:r>
          </a:p>
        </p:txBody>
      </p:sp>
      <p:sp>
        <p:nvSpPr>
          <p:cNvPr id="14" name="TextBox 13">
            <a:extLst>
              <a:ext uri="{FF2B5EF4-FFF2-40B4-BE49-F238E27FC236}">
                <a16:creationId xmlns:a16="http://schemas.microsoft.com/office/drawing/2014/main" id="{13777A48-868F-3A42-32ED-B24F58A9994B}"/>
              </a:ext>
            </a:extLst>
          </p:cNvPr>
          <p:cNvSpPr txBox="1"/>
          <p:nvPr/>
        </p:nvSpPr>
        <p:spPr>
          <a:xfrm>
            <a:off x="6096000" y="2871828"/>
            <a:ext cx="3736163" cy="1200329"/>
          </a:xfrm>
          <a:prstGeom prst="rect">
            <a:avLst/>
          </a:prstGeom>
          <a:noFill/>
        </p:spPr>
        <p:txBody>
          <a:bodyPr wrap="square">
            <a:spAutoFit/>
          </a:bodyPr>
          <a:lstStyle/>
          <a:p>
            <a:r>
              <a:rPr lang="en-US" sz="1800" dirty="0">
                <a:solidFill>
                  <a:schemeClr val="bg1"/>
                </a:solidFill>
                <a:latin typeface="+mn-lt"/>
              </a:rPr>
              <a:t>are the most sought after by small business owners because they provide essential short-term liquidity without excessive debt burdens.</a:t>
            </a:r>
          </a:p>
        </p:txBody>
      </p:sp>
      <p:sp>
        <p:nvSpPr>
          <p:cNvPr id="3" name="Content Placeholder 2">
            <a:extLst>
              <a:ext uri="{FF2B5EF4-FFF2-40B4-BE49-F238E27FC236}">
                <a16:creationId xmlns:a16="http://schemas.microsoft.com/office/drawing/2014/main" id="{9A35B981-7CBF-47E1-1E8B-4959FD257B00}"/>
              </a:ext>
            </a:extLst>
          </p:cNvPr>
          <p:cNvSpPr>
            <a:spLocks noGrp="1"/>
          </p:cNvSpPr>
          <p:nvPr>
            <p:ph sz="quarter" idx="4294967295"/>
          </p:nvPr>
        </p:nvSpPr>
        <p:spPr>
          <a:xfrm>
            <a:off x="1521931" y="5202737"/>
            <a:ext cx="9148137" cy="646331"/>
          </a:xfrm>
        </p:spPr>
        <p:txBody>
          <a:bodyPr wrap="square">
            <a:spAutoFit/>
          </a:bodyPr>
          <a:lstStyle/>
          <a:p>
            <a:pPr marL="0" indent="0">
              <a:spcBef>
                <a:spcPts val="0"/>
              </a:spcBef>
              <a:spcAft>
                <a:spcPts val="0"/>
              </a:spcAft>
              <a:buClr>
                <a:srgbClr val="000000"/>
              </a:buClr>
              <a:buFont typeface="Arial"/>
              <a:buNone/>
            </a:pPr>
            <a:r>
              <a:rPr lang="en-US" sz="1800" dirty="0">
                <a:cs typeface="Arial"/>
                <a:sym typeface="Arial"/>
              </a:rPr>
              <a:t>Traditional financial institutions have tightened lending requirements, leaving many small businesses to seek alternative finance options </a:t>
            </a:r>
            <a:r>
              <a:rPr lang="en-US" sz="1800" b="1" dirty="0">
                <a:solidFill>
                  <a:schemeClr val="accent1"/>
                </a:solidFill>
                <a:cs typeface="Arial"/>
                <a:sym typeface="Arial"/>
              </a:rPr>
              <a:t>often through third-party providers</a:t>
            </a:r>
            <a:r>
              <a:rPr lang="en-US" sz="1800" dirty="0">
                <a:solidFill>
                  <a:schemeClr val="accent1"/>
                </a:solidFill>
                <a:cs typeface="Arial"/>
                <a:sym typeface="Arial"/>
              </a:rPr>
              <a:t>.</a:t>
            </a:r>
          </a:p>
        </p:txBody>
      </p:sp>
    </p:spTree>
    <p:extLst>
      <p:ext uri="{BB962C8B-B14F-4D97-AF65-F5344CB8AC3E}">
        <p14:creationId xmlns:p14="http://schemas.microsoft.com/office/powerpoint/2010/main" val="135271091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901A9714-E6E1-61D4-7E6C-9144AF5DC7E4}"/>
              </a:ext>
            </a:extLst>
          </p:cNvPr>
          <p:cNvSpPr>
            <a:spLocks noGrp="1"/>
          </p:cNvSpPr>
          <p:nvPr>
            <p:ph type="title" idx="4294967295"/>
          </p:nvPr>
        </p:nvSpPr>
        <p:spPr>
          <a:xfrm>
            <a:off x="725935" y="695756"/>
            <a:ext cx="5370065" cy="2086725"/>
          </a:xfrm>
        </p:spPr>
        <p:txBody>
          <a:bodyPr wrap="square">
            <a:spAutoFit/>
          </a:bodyPr>
          <a:lstStyle/>
          <a:p>
            <a:r>
              <a:rPr lang="en-US" sz="2400" dirty="0"/>
              <a:t>Third-party providers already meet that demand by </a:t>
            </a:r>
            <a:r>
              <a:rPr lang="en-US" sz="2400" dirty="0">
                <a:solidFill>
                  <a:schemeClr val="accent1"/>
                </a:solidFill>
              </a:rPr>
              <a:t>providing capital products</a:t>
            </a:r>
            <a:r>
              <a:rPr lang="en-US" sz="2400" dirty="0"/>
              <a:t> in addition to other standard banking products and services</a:t>
            </a:r>
            <a:br>
              <a:rPr lang="en-US" sz="2400" dirty="0"/>
            </a:br>
            <a:endParaRPr lang="en-US" sz="2400" dirty="0">
              <a:solidFill>
                <a:schemeClr val="accent1"/>
              </a:solidFill>
            </a:endParaRPr>
          </a:p>
        </p:txBody>
      </p:sp>
      <p:pic>
        <p:nvPicPr>
          <p:cNvPr id="12" name="Picture 11">
            <a:extLst>
              <a:ext uri="{FF2B5EF4-FFF2-40B4-BE49-F238E27FC236}">
                <a16:creationId xmlns:a16="http://schemas.microsoft.com/office/drawing/2014/main" id="{185B35DE-14DB-7B04-AABC-43132399979E}"/>
              </a:ext>
            </a:extLst>
          </p:cNvPr>
          <p:cNvPicPr>
            <a:picLocks noChangeAspect="1"/>
          </p:cNvPicPr>
          <p:nvPr/>
        </p:nvPicPr>
        <p:blipFill>
          <a:blip r:embed="rId2"/>
          <a:srcRect l="-7382" t="-15868" r="-7382" b="-15868"/>
          <a:stretch/>
        </p:blipFill>
        <p:spPr>
          <a:xfrm>
            <a:off x="816149" y="3429000"/>
            <a:ext cx="3001722" cy="2177082"/>
          </a:xfrm>
          <a:prstGeom prst="rect">
            <a:avLst/>
          </a:prstGeom>
          <a:solidFill>
            <a:schemeClr val="bg1"/>
          </a:solidFill>
          <a:effectLst>
            <a:outerShdw blurRad="508000" dist="254000" dir="2700000" algn="tl" rotWithShape="0">
              <a:prstClr val="black">
                <a:alpha val="20000"/>
              </a:prstClr>
            </a:outerShdw>
          </a:effectLst>
        </p:spPr>
      </p:pic>
      <p:pic>
        <p:nvPicPr>
          <p:cNvPr id="10" name="Picture 9">
            <a:extLst>
              <a:ext uri="{FF2B5EF4-FFF2-40B4-BE49-F238E27FC236}">
                <a16:creationId xmlns:a16="http://schemas.microsoft.com/office/drawing/2014/main" id="{A33EB189-0D15-4C73-99BB-23146538A441}"/>
              </a:ext>
            </a:extLst>
          </p:cNvPr>
          <p:cNvPicPr>
            <a:picLocks noChangeAspect="1"/>
          </p:cNvPicPr>
          <p:nvPr/>
        </p:nvPicPr>
        <p:blipFill>
          <a:blip r:embed="rId3"/>
          <a:srcRect l="-2897" t="-4836" r="-2281" b="-4286"/>
          <a:stretch/>
        </p:blipFill>
        <p:spPr>
          <a:xfrm>
            <a:off x="6770936" y="531565"/>
            <a:ext cx="4695129" cy="2693926"/>
          </a:xfrm>
          <a:prstGeom prst="rect">
            <a:avLst/>
          </a:prstGeom>
          <a:solidFill>
            <a:schemeClr val="bg1"/>
          </a:solidFill>
          <a:effectLst>
            <a:outerShdw blurRad="508000" dist="254000" dir="2700000" algn="tl" rotWithShape="0">
              <a:prstClr val="black">
                <a:alpha val="20000"/>
              </a:prstClr>
            </a:outerShdw>
          </a:effectLst>
        </p:spPr>
      </p:pic>
      <p:pic>
        <p:nvPicPr>
          <p:cNvPr id="8" name="Picture 7">
            <a:extLst>
              <a:ext uri="{FF2B5EF4-FFF2-40B4-BE49-F238E27FC236}">
                <a16:creationId xmlns:a16="http://schemas.microsoft.com/office/drawing/2014/main" id="{7DFA14A8-8AD0-A35F-8894-D1514F72467B}"/>
              </a:ext>
            </a:extLst>
          </p:cNvPr>
          <p:cNvPicPr>
            <a:picLocks noChangeAspect="1"/>
          </p:cNvPicPr>
          <p:nvPr/>
        </p:nvPicPr>
        <p:blipFill>
          <a:blip r:embed="rId4"/>
          <a:stretch>
            <a:fillRect/>
          </a:stretch>
        </p:blipFill>
        <p:spPr>
          <a:xfrm>
            <a:off x="4096215" y="3429000"/>
            <a:ext cx="4295380" cy="2267074"/>
          </a:xfrm>
          <a:prstGeom prst="rect">
            <a:avLst/>
          </a:prstGeom>
          <a:solidFill>
            <a:schemeClr val="bg1"/>
          </a:solidFill>
          <a:effectLst>
            <a:outerShdw blurRad="508000" dist="254000" dir="2700000" algn="tl" rotWithShape="0">
              <a:prstClr val="black">
                <a:alpha val="20000"/>
              </a:prstClr>
            </a:outerShdw>
          </a:effectLst>
        </p:spPr>
      </p:pic>
      <p:pic>
        <p:nvPicPr>
          <p:cNvPr id="6" name="Picture 5">
            <a:extLst>
              <a:ext uri="{FF2B5EF4-FFF2-40B4-BE49-F238E27FC236}">
                <a16:creationId xmlns:a16="http://schemas.microsoft.com/office/drawing/2014/main" id="{C1F76E08-6E8A-3549-AF43-9C02F568360A}"/>
              </a:ext>
            </a:extLst>
          </p:cNvPr>
          <p:cNvPicPr>
            <a:picLocks noChangeAspect="1"/>
          </p:cNvPicPr>
          <p:nvPr/>
        </p:nvPicPr>
        <p:blipFill>
          <a:blip r:embed="rId5"/>
          <a:stretch>
            <a:fillRect/>
          </a:stretch>
        </p:blipFill>
        <p:spPr>
          <a:xfrm>
            <a:off x="8000012" y="3934254"/>
            <a:ext cx="3466053" cy="1256565"/>
          </a:xfrm>
          <a:prstGeom prst="rect">
            <a:avLst/>
          </a:prstGeom>
          <a:solidFill>
            <a:schemeClr val="bg1"/>
          </a:solidFill>
          <a:effectLst>
            <a:outerShdw blurRad="508000" dist="254000" dir="2700000" algn="tl" rotWithShape="0">
              <a:prstClr val="black">
                <a:alpha val="20000"/>
              </a:prstClr>
            </a:outerShdw>
          </a:effectLst>
        </p:spPr>
      </p:pic>
    </p:spTree>
    <p:extLst>
      <p:ext uri="{BB962C8B-B14F-4D97-AF65-F5344CB8AC3E}">
        <p14:creationId xmlns:p14="http://schemas.microsoft.com/office/powerpoint/2010/main" val="76186165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07355A7-D1C3-AF0C-B52D-505BB5F1843E}"/>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210C8C82-57AD-427D-16DC-D25122F4EB7E}"/>
              </a:ext>
            </a:extLst>
          </p:cNvPr>
          <p:cNvSpPr>
            <a:spLocks noGrp="1"/>
          </p:cNvSpPr>
          <p:nvPr>
            <p:ph type="title"/>
          </p:nvPr>
        </p:nvSpPr>
        <p:spPr/>
        <p:txBody>
          <a:bodyPr/>
          <a:lstStyle/>
          <a:p>
            <a:pPr algn="l"/>
            <a:r>
              <a:rPr lang="en-US" dirty="0"/>
              <a:t>Now YOU can write a happy ending to the story</a:t>
            </a:r>
          </a:p>
        </p:txBody>
      </p:sp>
      <p:sp>
        <p:nvSpPr>
          <p:cNvPr id="3" name="Slide Number Placeholder 2">
            <a:extLst>
              <a:ext uri="{FF2B5EF4-FFF2-40B4-BE49-F238E27FC236}">
                <a16:creationId xmlns:a16="http://schemas.microsoft.com/office/drawing/2014/main" id="{DA1986BE-8D38-CA71-ECD3-C105C49793C6}"/>
              </a:ext>
            </a:extLst>
          </p:cNvPr>
          <p:cNvSpPr>
            <a:spLocks noGrp="1"/>
          </p:cNvSpPr>
          <p:nvPr>
            <p:ph type="sldNum" sz="quarter" idx="11"/>
          </p:nvPr>
        </p:nvSpPr>
        <p:spPr/>
        <p:txBody>
          <a:bodyPr/>
          <a:lstStyle/>
          <a:p>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fld id="{F7CADEA9-0AFC-B549-B690-A46B9B6402E4}" type="slidenum">
              <a:rPr kumimoji="0" lang="en-US" sz="933" b="0" i="0" u="none" strike="noStrike" kern="1200" cap="none" spc="0" normalizeH="0" baseline="0" noProof="0" smtClean="0">
                <a:ln>
                  <a:noFill/>
                </a:ln>
                <a:solidFill>
                  <a:srgbClr val="5B6670"/>
                </a:solidFill>
                <a:effectLst/>
                <a:uLnTx/>
                <a:uFillTx/>
                <a:latin typeface="Montserrat Bold" panose="020B0604020202020204"/>
                <a:cs typeface="Arial"/>
                <a:sym typeface="Arial"/>
              </a:rPr>
              <a:pPr marL="0" marR="0" lvl="0" indent="0" algn="l" defTabSz="914400" rtl="0" eaLnBrk="1" fontAlgn="auto" latinLnBrk="0" hangingPunct="1">
                <a:lnSpc>
                  <a:spcPct val="100000"/>
                </a:lnSpc>
                <a:spcBef>
                  <a:spcPts val="0"/>
                </a:spcBef>
                <a:spcAft>
                  <a:spcPts val="0"/>
                </a:spcAft>
                <a:buClr>
                  <a:srgbClr val="000000"/>
                </a:buClr>
                <a:buSzTx/>
                <a:buFont typeface="Arial"/>
                <a:buNone/>
                <a:tabLst/>
                <a:defRPr/>
              </a:pPr>
              <a:t>7</a:t>
            </a:fld>
            <a:endParaRPr kumimoji="0" lang="en-US" sz="933" b="0" i="0" u="none" strike="noStrike" kern="1200" cap="none" spc="0" normalizeH="0" baseline="0" noProof="0">
              <a:ln>
                <a:noFill/>
              </a:ln>
              <a:solidFill>
                <a:srgbClr val="5B6670"/>
              </a:solidFill>
              <a:effectLst/>
              <a:uLnTx/>
              <a:uFillTx/>
              <a:latin typeface="Montserrat Bold" panose="020B0604020202020204"/>
              <a:cs typeface="Arial"/>
              <a:sym typeface="Arial"/>
            </a:endParaRPr>
          </a:p>
        </p:txBody>
      </p:sp>
      <p:sp>
        <p:nvSpPr>
          <p:cNvPr id="6" name="TextBox 5">
            <a:extLst>
              <a:ext uri="{FF2B5EF4-FFF2-40B4-BE49-F238E27FC236}">
                <a16:creationId xmlns:a16="http://schemas.microsoft.com/office/drawing/2014/main" id="{E651EFAC-F17C-58EB-ACED-48CCBF2AAE48}"/>
              </a:ext>
            </a:extLst>
          </p:cNvPr>
          <p:cNvSpPr txBox="1"/>
          <p:nvPr/>
        </p:nvSpPr>
        <p:spPr>
          <a:xfrm>
            <a:off x="441569" y="1582340"/>
            <a:ext cx="6096000" cy="3693319"/>
          </a:xfrm>
          <a:prstGeom prst="rect">
            <a:avLst/>
          </a:prstGeom>
          <a:noFill/>
        </p:spPr>
        <p:txBody>
          <a:bodyPr wrap="square">
            <a:spAutoFit/>
          </a:bodyPr>
          <a:lstStyle/>
          <a:p>
            <a:r>
              <a:rPr lang="en-US" dirty="0">
                <a:solidFill>
                  <a:schemeClr val="bg1"/>
                </a:solidFill>
                <a:effectLst/>
                <a:latin typeface="Source Sans Pro" panose="020B0503030403020204" pitchFamily="34" charset="0"/>
                <a:ea typeface="Source Sans Pro" panose="020B0503030403020204" pitchFamily="34" charset="0"/>
              </a:rPr>
              <a:t>Remember Tori, that was short $10,000 to kick off her summer lawn care season?</a:t>
            </a:r>
          </a:p>
          <a:p>
            <a:endParaRPr lang="en-US" dirty="0">
              <a:solidFill>
                <a:schemeClr val="bg1"/>
              </a:solidFill>
              <a:latin typeface="Source Sans Pro" panose="020B0503030403020204" pitchFamily="34" charset="0"/>
              <a:ea typeface="Source Sans Pro" panose="020B0503030403020204" pitchFamily="34" charset="0"/>
            </a:endParaRPr>
          </a:p>
          <a:p>
            <a:r>
              <a:rPr lang="en-US" dirty="0">
                <a:solidFill>
                  <a:schemeClr val="bg1"/>
                </a:solidFill>
                <a:effectLst/>
                <a:latin typeface="Source Sans Pro" panose="020B0503030403020204" pitchFamily="34" charset="0"/>
                <a:ea typeface="Source Sans Pro" panose="020B0503030403020204" pitchFamily="34" charset="0"/>
              </a:rPr>
              <a:t>When </a:t>
            </a:r>
            <a:r>
              <a:rPr lang="en-US" dirty="0">
                <a:solidFill>
                  <a:schemeClr val="accent1"/>
                </a:solidFill>
                <a:effectLst/>
                <a:latin typeface="+mj-lt"/>
                <a:ea typeface="Source Sans Pro" panose="020B0503030403020204" pitchFamily="34" charset="0"/>
              </a:rPr>
              <a:t>you provide her with Autobooks Capital </a:t>
            </a:r>
            <a:r>
              <a:rPr lang="en-US" dirty="0">
                <a:solidFill>
                  <a:schemeClr val="bg1"/>
                </a:solidFill>
                <a:effectLst/>
                <a:latin typeface="Source Sans Pro" panose="020B0503030403020204" pitchFamily="34" charset="0"/>
                <a:ea typeface="Source Sans Pro" panose="020B0503030403020204" pitchFamily="34" charset="0"/>
              </a:rPr>
              <a:t>she'll be able to draw a cash advance to cover these upfront expenses.</a:t>
            </a:r>
          </a:p>
          <a:p>
            <a:endParaRPr lang="en-US" dirty="0">
              <a:solidFill>
                <a:schemeClr val="bg1"/>
              </a:solidFill>
              <a:latin typeface="Source Sans Pro" panose="020B0503030403020204" pitchFamily="34" charset="0"/>
              <a:ea typeface="Source Sans Pro" panose="020B0503030403020204" pitchFamily="34" charset="0"/>
            </a:endParaRPr>
          </a:p>
          <a:p>
            <a:r>
              <a:rPr lang="en-US" dirty="0">
                <a:solidFill>
                  <a:schemeClr val="bg1"/>
                </a:solidFill>
                <a:effectLst/>
                <a:latin typeface="Source Sans Pro" panose="020B0503030403020204" pitchFamily="34" charset="0"/>
                <a:ea typeface="Source Sans Pro" panose="020B0503030403020204" pitchFamily="34" charset="0"/>
              </a:rPr>
              <a:t>She’ll repay the advance on a set schedule (or repay it in full once summer revenue starts coming in). </a:t>
            </a:r>
          </a:p>
          <a:p>
            <a:endParaRPr lang="en-US" dirty="0">
              <a:solidFill>
                <a:schemeClr val="bg1"/>
              </a:solidFill>
              <a:latin typeface="Source Sans Pro" panose="020B0503030403020204" pitchFamily="34" charset="0"/>
              <a:ea typeface="Source Sans Pro" panose="020B0503030403020204" pitchFamily="34" charset="0"/>
            </a:endParaRPr>
          </a:p>
          <a:p>
            <a:r>
              <a:rPr lang="en-US" dirty="0">
                <a:solidFill>
                  <a:schemeClr val="bg1"/>
                </a:solidFill>
                <a:effectLst/>
                <a:latin typeface="Source Sans Pro" panose="020B0503030403020204" pitchFamily="34" charset="0"/>
                <a:ea typeface="Source Sans Pro" panose="020B0503030403020204" pitchFamily="34" charset="0"/>
              </a:rPr>
              <a:t>The business can draw on their capital advance line as needed; their job schedule can continue without any cashflow bumps.</a:t>
            </a:r>
            <a:endParaRPr lang="en-US" dirty="0">
              <a:solidFill>
                <a:schemeClr val="bg1"/>
              </a:solidFill>
              <a:latin typeface="Source Sans Pro" panose="020B0503030403020204" pitchFamily="34" charset="0"/>
              <a:ea typeface="Source Sans Pro" panose="020B0503030403020204" pitchFamily="34" charset="0"/>
            </a:endParaRPr>
          </a:p>
        </p:txBody>
      </p:sp>
      <p:pic>
        <p:nvPicPr>
          <p:cNvPr id="5" name="Picture 2" descr="A person in glasses using a computer&#10;&#10;Description automatically generated">
            <a:extLst>
              <a:ext uri="{FF2B5EF4-FFF2-40B4-BE49-F238E27FC236}">
                <a16:creationId xmlns:a16="http://schemas.microsoft.com/office/drawing/2014/main" id="{54A06809-29B1-D740-E131-EA14F6B3C15A}"/>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6985000" y="1840522"/>
            <a:ext cx="4765431" cy="317695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47492347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Graphic 2">
            <a:extLst>
              <a:ext uri="{FF2B5EF4-FFF2-40B4-BE49-F238E27FC236}">
                <a16:creationId xmlns:a16="http://schemas.microsoft.com/office/drawing/2014/main" id="{451AE863-5724-3991-743C-16882EAE14C3}"/>
              </a:ext>
            </a:extLst>
          </p:cNvPr>
          <p:cNvPicPr>
            <a:picLocks noChangeAspect="1"/>
          </p:cNvPicPr>
          <p:nvPr/>
        </p:nvPicPr>
        <p:blipFill>
          <a:blip r:embed="rId3">
            <a:extLst>
              <a:ext uri="{28A0092B-C50C-407E-A947-70E740481C1C}">
                <a14:useLocalDpi xmlns:a14="http://schemas.microsoft.com/office/drawing/2010/main"/>
              </a:ext>
              <a:ext uri="{96DAC541-7B7A-43D3-8B79-37D633B846F1}">
                <asvg:svgBlip xmlns:asvg="http://schemas.microsoft.com/office/drawing/2016/SVG/main" r:embed="rId4"/>
              </a:ext>
            </a:extLst>
          </a:blip>
          <a:srcRect t="44662"/>
          <a:stretch>
            <a:fillRect/>
          </a:stretch>
        </p:blipFill>
        <p:spPr>
          <a:xfrm rot="12600000" flipH="1" flipV="1">
            <a:off x="7604666" y="-496384"/>
            <a:ext cx="5981677" cy="5441683"/>
          </a:xfrm>
          <a:custGeom>
            <a:avLst/>
            <a:gdLst>
              <a:gd name="connsiteX0" fmla="*/ 4486258 w 4486258"/>
              <a:gd name="connsiteY0" fmla="*/ 4081262 h 4081262"/>
              <a:gd name="connsiteX1" fmla="*/ 0 w 4486258"/>
              <a:gd name="connsiteY1" fmla="*/ 4081262 h 4081262"/>
              <a:gd name="connsiteX2" fmla="*/ 0 w 4486258"/>
              <a:gd name="connsiteY2" fmla="*/ 1412885 h 4081262"/>
              <a:gd name="connsiteX3" fmla="*/ 2447189 w 4486258"/>
              <a:gd name="connsiteY3" fmla="*/ 0 h 4081262"/>
              <a:gd name="connsiteX4" fmla="*/ 4486258 w 4486258"/>
              <a:gd name="connsiteY4" fmla="*/ 3531771 h 40812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6258" h="4081262">
                <a:moveTo>
                  <a:pt x="4486258" y="4081262"/>
                </a:moveTo>
                <a:lnTo>
                  <a:pt x="0" y="4081262"/>
                </a:lnTo>
                <a:lnTo>
                  <a:pt x="0" y="1412885"/>
                </a:lnTo>
                <a:lnTo>
                  <a:pt x="2447189" y="0"/>
                </a:lnTo>
                <a:lnTo>
                  <a:pt x="4486258" y="3531771"/>
                </a:lnTo>
                <a:close/>
              </a:path>
            </a:pathLst>
          </a:custGeom>
        </p:spPr>
      </p:pic>
      <p:sp>
        <p:nvSpPr>
          <p:cNvPr id="4" name="Freeform 3">
            <a:extLst>
              <a:ext uri="{FF2B5EF4-FFF2-40B4-BE49-F238E27FC236}">
                <a16:creationId xmlns:a16="http://schemas.microsoft.com/office/drawing/2014/main" id="{B0C1386F-0F9C-81B1-1B4A-5A7E9DA93685}"/>
              </a:ext>
            </a:extLst>
          </p:cNvPr>
          <p:cNvSpPr/>
          <p:nvPr/>
        </p:nvSpPr>
        <p:spPr>
          <a:xfrm rot="1800000" flipV="1">
            <a:off x="-1440038" y="-441630"/>
            <a:ext cx="5563380" cy="7484031"/>
          </a:xfrm>
          <a:custGeom>
            <a:avLst/>
            <a:gdLst>
              <a:gd name="connsiteX0" fmla="*/ 62272 w 4172535"/>
              <a:gd name="connsiteY0" fmla="*/ 4346544 h 5613023"/>
              <a:gd name="connsiteX1" fmla="*/ 0 w 4172535"/>
              <a:gd name="connsiteY1" fmla="*/ 4454402 h 5613023"/>
              <a:gd name="connsiteX2" fmla="*/ 18829 w 4172535"/>
              <a:gd name="connsiteY2" fmla="*/ 4465272 h 5613023"/>
              <a:gd name="connsiteX3" fmla="*/ 227587 w 4172535"/>
              <a:gd name="connsiteY3" fmla="*/ 4060210 h 5613023"/>
              <a:gd name="connsiteX4" fmla="*/ 168293 w 4172535"/>
              <a:gd name="connsiteY4" fmla="*/ 4162910 h 5613023"/>
              <a:gd name="connsiteX5" fmla="*/ 112739 w 4172535"/>
              <a:gd name="connsiteY5" fmla="*/ 4351897 h 5613023"/>
              <a:gd name="connsiteX6" fmla="*/ 62003 w 4172535"/>
              <a:gd name="connsiteY6" fmla="*/ 4490199 h 5613023"/>
              <a:gd name="connsiteX7" fmla="*/ 84982 w 4172535"/>
              <a:gd name="connsiteY7" fmla="*/ 4503466 h 5613023"/>
              <a:gd name="connsiteX8" fmla="*/ 124252 w 4172535"/>
              <a:gd name="connsiteY8" fmla="*/ 4399870 h 5613023"/>
              <a:gd name="connsiteX9" fmla="*/ 180222 w 4172535"/>
              <a:gd name="connsiteY9" fmla="*/ 4229554 h 5613023"/>
              <a:gd name="connsiteX10" fmla="*/ 349361 w 4172535"/>
              <a:gd name="connsiteY10" fmla="*/ 3849291 h 5613023"/>
              <a:gd name="connsiteX11" fmla="*/ 307256 w 4172535"/>
              <a:gd name="connsiteY11" fmla="*/ 3922220 h 5613023"/>
              <a:gd name="connsiteX12" fmla="*/ 283428 w 4172535"/>
              <a:gd name="connsiteY12" fmla="*/ 4040264 h 5613023"/>
              <a:gd name="connsiteX13" fmla="*/ 183540 w 4172535"/>
              <a:gd name="connsiteY13" fmla="*/ 4379328 h 5613023"/>
              <a:gd name="connsiteX14" fmla="*/ 128676 w 4172535"/>
              <a:gd name="connsiteY14" fmla="*/ 4528693 h 5613023"/>
              <a:gd name="connsiteX15" fmla="*/ 152243 w 4172535"/>
              <a:gd name="connsiteY15" fmla="*/ 4542299 h 5613023"/>
              <a:gd name="connsiteX16" fmla="*/ 209006 w 4172535"/>
              <a:gd name="connsiteY16" fmla="*/ 4387761 h 5613023"/>
              <a:gd name="connsiteX17" fmla="*/ 309560 w 4172535"/>
              <a:gd name="connsiteY17" fmla="*/ 4046452 h 5613023"/>
              <a:gd name="connsiteX18" fmla="*/ 460489 w 4172535"/>
              <a:gd name="connsiteY18" fmla="*/ 3656812 h 5613023"/>
              <a:gd name="connsiteX19" fmla="*/ 425731 w 4172535"/>
              <a:gd name="connsiteY19" fmla="*/ 3717014 h 5613023"/>
              <a:gd name="connsiteX20" fmla="*/ 423446 w 4172535"/>
              <a:gd name="connsiteY20" fmla="*/ 3733199 h 5613023"/>
              <a:gd name="connsiteX21" fmla="*/ 241141 w 4172535"/>
              <a:gd name="connsiteY21" fmla="*/ 4442964 h 5613023"/>
              <a:gd name="connsiteX22" fmla="*/ 194261 w 4172535"/>
              <a:gd name="connsiteY22" fmla="*/ 4566558 h 5613023"/>
              <a:gd name="connsiteX23" fmla="*/ 218622 w 4172535"/>
              <a:gd name="connsiteY23" fmla="*/ 4580623 h 5613023"/>
              <a:gd name="connsiteX24" fmla="*/ 279664 w 4172535"/>
              <a:gd name="connsiteY24" fmla="*/ 4414785 h 5613023"/>
              <a:gd name="connsiteX25" fmla="*/ 453991 w 4172535"/>
              <a:gd name="connsiteY25" fmla="*/ 3714024 h 5613023"/>
              <a:gd name="connsiteX26" fmla="*/ 558967 w 4172535"/>
              <a:gd name="connsiteY26" fmla="*/ 3486243 h 5613023"/>
              <a:gd name="connsiteX27" fmla="*/ 521924 w 4172535"/>
              <a:gd name="connsiteY27" fmla="*/ 3550404 h 5613023"/>
              <a:gd name="connsiteX28" fmla="*/ 501745 w 4172535"/>
              <a:gd name="connsiteY28" fmla="*/ 3726361 h 5613023"/>
              <a:gd name="connsiteX29" fmla="*/ 262099 w 4172535"/>
              <a:gd name="connsiteY29" fmla="*/ 4604829 h 5613023"/>
              <a:gd name="connsiteX30" fmla="*/ 261797 w 4172535"/>
              <a:gd name="connsiteY30" fmla="*/ 4605550 h 5613023"/>
              <a:gd name="connsiteX31" fmla="*/ 284764 w 4172535"/>
              <a:gd name="connsiteY31" fmla="*/ 4618810 h 5613023"/>
              <a:gd name="connsiteX32" fmla="*/ 338219 w 4172535"/>
              <a:gd name="connsiteY32" fmla="*/ 4477990 h 5613023"/>
              <a:gd name="connsiteX33" fmla="*/ 551110 w 4172535"/>
              <a:gd name="connsiteY33" fmla="*/ 3567414 h 5613023"/>
              <a:gd name="connsiteX34" fmla="*/ 646622 w 4172535"/>
              <a:gd name="connsiteY34" fmla="*/ 3334420 h 5613023"/>
              <a:gd name="connsiteX35" fmla="*/ 617832 w 4172535"/>
              <a:gd name="connsiteY35" fmla="*/ 3384285 h 5613023"/>
              <a:gd name="connsiteX36" fmla="*/ 617588 w 4172535"/>
              <a:gd name="connsiteY36" fmla="*/ 3388871 h 5613023"/>
              <a:gd name="connsiteX37" fmla="*/ 383935 w 4172535"/>
              <a:gd name="connsiteY37" fmla="*/ 4495223 h 5613023"/>
              <a:gd name="connsiteX38" fmla="*/ 327609 w 4172535"/>
              <a:gd name="connsiteY38" fmla="*/ 4643547 h 5613023"/>
              <a:gd name="connsiteX39" fmla="*/ 351451 w 4172535"/>
              <a:gd name="connsiteY39" fmla="*/ 4657312 h 5613023"/>
              <a:gd name="connsiteX40" fmla="*/ 356846 w 4172535"/>
              <a:gd name="connsiteY40" fmla="*/ 4644448 h 5613023"/>
              <a:gd name="connsiteX41" fmla="*/ 645446 w 4172535"/>
              <a:gd name="connsiteY41" fmla="*/ 3375903 h 5613023"/>
              <a:gd name="connsiteX42" fmla="*/ 730691 w 4172535"/>
              <a:gd name="connsiteY42" fmla="*/ 3188808 h 5613023"/>
              <a:gd name="connsiteX43" fmla="*/ 701380 w 4172535"/>
              <a:gd name="connsiteY43" fmla="*/ 3239577 h 5613023"/>
              <a:gd name="connsiteX44" fmla="*/ 693921 w 4172535"/>
              <a:gd name="connsiteY44" fmla="*/ 3384923 h 5613023"/>
              <a:gd name="connsiteX45" fmla="*/ 401748 w 4172535"/>
              <a:gd name="connsiteY45" fmla="*/ 4664677 h 5613023"/>
              <a:gd name="connsiteX46" fmla="*/ 394422 w 4172535"/>
              <a:gd name="connsiteY46" fmla="*/ 4682121 h 5613023"/>
              <a:gd name="connsiteX47" fmla="*/ 417745 w 4172535"/>
              <a:gd name="connsiteY47" fmla="*/ 4695587 h 5613023"/>
              <a:gd name="connsiteX48" fmla="*/ 426742 w 4172535"/>
              <a:gd name="connsiteY48" fmla="*/ 4674163 h 5613023"/>
              <a:gd name="connsiteX49" fmla="*/ 730628 w 4172535"/>
              <a:gd name="connsiteY49" fmla="*/ 3196832 h 5613023"/>
              <a:gd name="connsiteX50" fmla="*/ 807330 w 4172535"/>
              <a:gd name="connsiteY50" fmla="*/ 3056065 h 5613023"/>
              <a:gd name="connsiteX51" fmla="*/ 780192 w 4172535"/>
              <a:gd name="connsiteY51" fmla="*/ 3103069 h 5613023"/>
              <a:gd name="connsiteX52" fmla="*/ 779253 w 4172535"/>
              <a:gd name="connsiteY52" fmla="*/ 3204287 h 5613023"/>
              <a:gd name="connsiteX53" fmla="*/ 471308 w 4172535"/>
              <a:gd name="connsiteY53" fmla="*/ 4694560 h 5613023"/>
              <a:gd name="connsiteX54" fmla="*/ 460496 w 4172535"/>
              <a:gd name="connsiteY54" fmla="*/ 4720269 h 5613023"/>
              <a:gd name="connsiteX55" fmla="*/ 483934 w 4172535"/>
              <a:gd name="connsiteY55" fmla="*/ 4733801 h 5613023"/>
              <a:gd name="connsiteX56" fmla="*/ 496454 w 4172535"/>
              <a:gd name="connsiteY56" fmla="*/ 4704018 h 5613023"/>
              <a:gd name="connsiteX57" fmla="*/ 805972 w 4172535"/>
              <a:gd name="connsiteY57" fmla="*/ 3204773 h 5613023"/>
              <a:gd name="connsiteX58" fmla="*/ 880907 w 4172535"/>
              <a:gd name="connsiteY58" fmla="*/ 2928626 h 5613023"/>
              <a:gd name="connsiteX59" fmla="*/ 855645 w 4172535"/>
              <a:gd name="connsiteY59" fmla="*/ 2972382 h 5613023"/>
              <a:gd name="connsiteX60" fmla="*/ 857303 w 4172535"/>
              <a:gd name="connsiteY60" fmla="*/ 3024249 h 5613023"/>
              <a:gd name="connsiteX61" fmla="*/ 528139 w 4172535"/>
              <a:gd name="connsiteY61" fmla="*/ 4758033 h 5613023"/>
              <a:gd name="connsiteX62" fmla="*/ 527694 w 4172535"/>
              <a:gd name="connsiteY62" fmla="*/ 4759066 h 5613023"/>
              <a:gd name="connsiteX63" fmla="*/ 550219 w 4172535"/>
              <a:gd name="connsiteY63" fmla="*/ 4772071 h 5613023"/>
              <a:gd name="connsiteX64" fmla="*/ 566273 w 4172535"/>
              <a:gd name="connsiteY64" fmla="*/ 4733930 h 5613023"/>
              <a:gd name="connsiteX65" fmla="*/ 883807 w 4172535"/>
              <a:gd name="connsiteY65" fmla="*/ 3016712 h 5613023"/>
              <a:gd name="connsiteX66" fmla="*/ 951864 w 4172535"/>
              <a:gd name="connsiteY66" fmla="*/ 2805726 h 5613023"/>
              <a:gd name="connsiteX67" fmla="*/ 927413 w 4172535"/>
              <a:gd name="connsiteY67" fmla="*/ 2848077 h 5613023"/>
              <a:gd name="connsiteX68" fmla="*/ 932896 w 4172535"/>
              <a:gd name="connsiteY68" fmla="*/ 3022413 h 5613023"/>
              <a:gd name="connsiteX69" fmla="*/ 610957 w 4172535"/>
              <a:gd name="connsiteY69" fmla="*/ 4754281 h 5613023"/>
              <a:gd name="connsiteX70" fmla="*/ 593042 w 4172535"/>
              <a:gd name="connsiteY70" fmla="*/ 4796794 h 5613023"/>
              <a:gd name="connsiteX71" fmla="*/ 616824 w 4172535"/>
              <a:gd name="connsiteY71" fmla="*/ 4810525 h 5613023"/>
              <a:gd name="connsiteX72" fmla="*/ 622931 w 4172535"/>
              <a:gd name="connsiteY72" fmla="*/ 4796343 h 5613023"/>
              <a:gd name="connsiteX73" fmla="*/ 953346 w 4172535"/>
              <a:gd name="connsiteY73" fmla="*/ 2825539 h 5613023"/>
              <a:gd name="connsiteX74" fmla="*/ 1019429 w 4172535"/>
              <a:gd name="connsiteY74" fmla="*/ 2688699 h 5613023"/>
              <a:gd name="connsiteX75" fmla="*/ 995719 w 4172535"/>
              <a:gd name="connsiteY75" fmla="*/ 2729766 h 5613023"/>
              <a:gd name="connsiteX76" fmla="*/ 1003014 w 4172535"/>
              <a:gd name="connsiteY76" fmla="*/ 2828894 h 5613023"/>
              <a:gd name="connsiteX77" fmla="*/ 667785 w 4172535"/>
              <a:gd name="connsiteY77" fmla="*/ 4814483 h 5613023"/>
              <a:gd name="connsiteX78" fmla="*/ 659007 w 4172535"/>
              <a:gd name="connsiteY78" fmla="*/ 4834879 h 5613023"/>
              <a:gd name="connsiteX79" fmla="*/ 682690 w 4172535"/>
              <a:gd name="connsiteY79" fmla="*/ 4848553 h 5613023"/>
              <a:gd name="connsiteX80" fmla="*/ 705857 w 4172535"/>
              <a:gd name="connsiteY80" fmla="*/ 4793626 h 5613023"/>
              <a:gd name="connsiteX81" fmla="*/ 1029449 w 4172535"/>
              <a:gd name="connsiteY81" fmla="*/ 2824510 h 5613023"/>
              <a:gd name="connsiteX82" fmla="*/ 1087606 w 4172535"/>
              <a:gd name="connsiteY82" fmla="*/ 2570614 h 5613023"/>
              <a:gd name="connsiteX83" fmla="*/ 1063055 w 4172535"/>
              <a:gd name="connsiteY83" fmla="*/ 2613137 h 5613023"/>
              <a:gd name="connsiteX84" fmla="*/ 1063756 w 4172535"/>
              <a:gd name="connsiteY84" fmla="*/ 2624143 h 5613023"/>
              <a:gd name="connsiteX85" fmla="*/ 750752 w 4172535"/>
              <a:gd name="connsiteY85" fmla="*/ 4813477 h 5613023"/>
              <a:gd name="connsiteX86" fmla="*/ 725512 w 4172535"/>
              <a:gd name="connsiteY86" fmla="*/ 4873276 h 5613023"/>
              <a:gd name="connsiteX87" fmla="*/ 748940 w 4172535"/>
              <a:gd name="connsiteY87" fmla="*/ 4886803 h 5613023"/>
              <a:gd name="connsiteX88" fmla="*/ 775752 w 4172535"/>
              <a:gd name="connsiteY88" fmla="*/ 4823294 h 5613023"/>
              <a:gd name="connsiteX89" fmla="*/ 1090844 w 4172535"/>
              <a:gd name="connsiteY89" fmla="*/ 2621241 h 5613023"/>
              <a:gd name="connsiteX90" fmla="*/ 1156978 w 4172535"/>
              <a:gd name="connsiteY90" fmla="*/ 2450457 h 5613023"/>
              <a:gd name="connsiteX91" fmla="*/ 1131997 w 4172535"/>
              <a:gd name="connsiteY91" fmla="*/ 2493726 h 5613023"/>
              <a:gd name="connsiteX92" fmla="*/ 1140222 w 4172535"/>
              <a:gd name="connsiteY92" fmla="*/ 2623449 h 5613023"/>
              <a:gd name="connsiteX93" fmla="*/ 809298 w 4172535"/>
              <a:gd name="connsiteY93" fmla="*/ 4871887 h 5613023"/>
              <a:gd name="connsiteX94" fmla="*/ 792129 w 4172535"/>
              <a:gd name="connsiteY94" fmla="*/ 4911737 h 5613023"/>
              <a:gd name="connsiteX95" fmla="*/ 815134 w 4172535"/>
              <a:gd name="connsiteY95" fmla="*/ 4925020 h 5613023"/>
              <a:gd name="connsiteX96" fmla="*/ 845537 w 4172535"/>
              <a:gd name="connsiteY96" fmla="*/ 4853078 h 5613023"/>
              <a:gd name="connsiteX97" fmla="*/ 1166995 w 4172535"/>
              <a:gd name="connsiteY97" fmla="*/ 2620736 h 5613023"/>
              <a:gd name="connsiteX98" fmla="*/ 1156702 w 4172535"/>
              <a:gd name="connsiteY98" fmla="*/ 2459128 h 5613023"/>
              <a:gd name="connsiteX99" fmla="*/ 1238758 w 4172535"/>
              <a:gd name="connsiteY99" fmla="*/ 2308811 h 5613023"/>
              <a:gd name="connsiteX100" fmla="*/ 1209588 w 4172535"/>
              <a:gd name="connsiteY100" fmla="*/ 2359334 h 5613023"/>
              <a:gd name="connsiteX101" fmla="*/ 1207057 w 4172535"/>
              <a:gd name="connsiteY101" fmla="*/ 2478050 h 5613023"/>
              <a:gd name="connsiteX102" fmla="*/ 1216815 w 4172535"/>
              <a:gd name="connsiteY102" fmla="*/ 2622818 h 5613023"/>
              <a:gd name="connsiteX103" fmla="*/ 890528 w 4172535"/>
              <a:gd name="connsiteY103" fmla="*/ 4873252 h 5613023"/>
              <a:gd name="connsiteX104" fmla="*/ 858123 w 4172535"/>
              <a:gd name="connsiteY104" fmla="*/ 4949839 h 5613023"/>
              <a:gd name="connsiteX105" fmla="*/ 881493 w 4172535"/>
              <a:gd name="connsiteY105" fmla="*/ 4963332 h 5613023"/>
              <a:gd name="connsiteX106" fmla="*/ 915426 w 4172535"/>
              <a:gd name="connsiteY106" fmla="*/ 4883102 h 5613023"/>
              <a:gd name="connsiteX107" fmla="*/ 1243146 w 4172535"/>
              <a:gd name="connsiteY107" fmla="*/ 2620042 h 5613023"/>
              <a:gd name="connsiteX108" fmla="*/ 1238338 w 4172535"/>
              <a:gd name="connsiteY108" fmla="*/ 2312096 h 5613023"/>
              <a:gd name="connsiteX109" fmla="*/ 1344033 w 4172535"/>
              <a:gd name="connsiteY109" fmla="*/ 2126470 h 5613023"/>
              <a:gd name="connsiteX110" fmla="*/ 1303102 w 4172535"/>
              <a:gd name="connsiteY110" fmla="*/ 2197364 h 5613023"/>
              <a:gd name="connsiteX111" fmla="*/ 1287693 w 4172535"/>
              <a:gd name="connsiteY111" fmla="*/ 2320151 h 5613023"/>
              <a:gd name="connsiteX112" fmla="*/ 1292713 w 4172535"/>
              <a:gd name="connsiteY112" fmla="*/ 2622251 h 5613023"/>
              <a:gd name="connsiteX113" fmla="*/ 950323 w 4172535"/>
              <a:gd name="connsiteY113" fmla="*/ 4929610 h 5613023"/>
              <a:gd name="connsiteX114" fmla="*/ 924996 w 4172535"/>
              <a:gd name="connsiteY114" fmla="*/ 4988449 h 5613023"/>
              <a:gd name="connsiteX115" fmla="*/ 947558 w 4172535"/>
              <a:gd name="connsiteY115" fmla="*/ 5001474 h 5613023"/>
              <a:gd name="connsiteX116" fmla="*/ 985197 w 4172535"/>
              <a:gd name="connsiteY116" fmla="*/ 4912579 h 5613023"/>
              <a:gd name="connsiteX117" fmla="*/ 1319423 w 4172535"/>
              <a:gd name="connsiteY117" fmla="*/ 2619222 h 5613023"/>
              <a:gd name="connsiteX118" fmla="*/ 1332505 w 4172535"/>
              <a:gd name="connsiteY118" fmla="*/ 2178432 h 5613023"/>
              <a:gd name="connsiteX119" fmla="*/ 4156577 w 4172535"/>
              <a:gd name="connsiteY119" fmla="*/ 1830102 h 5613023"/>
              <a:gd name="connsiteX120" fmla="*/ 2923326 w 4172535"/>
              <a:gd name="connsiteY120" fmla="*/ 2069399 h 5613023"/>
              <a:gd name="connsiteX121" fmla="*/ 2511316 w 4172535"/>
              <a:gd name="connsiteY121" fmla="*/ 2611967 h 5613023"/>
              <a:gd name="connsiteX122" fmla="*/ 2076162 w 4172535"/>
              <a:gd name="connsiteY122" fmla="*/ 5382760 h 5613023"/>
              <a:gd name="connsiteX123" fmla="*/ 1983331 w 4172535"/>
              <a:gd name="connsiteY123" fmla="*/ 5599479 h 5613023"/>
              <a:gd name="connsiteX124" fmla="*/ 2006791 w 4172535"/>
              <a:gd name="connsiteY124" fmla="*/ 5613023 h 5613023"/>
              <a:gd name="connsiteX125" fmla="*/ 2101170 w 4172535"/>
              <a:gd name="connsiteY125" fmla="*/ 5392672 h 5613023"/>
              <a:gd name="connsiteX126" fmla="*/ 2538151 w 4172535"/>
              <a:gd name="connsiteY126" fmla="*/ 2609822 h 5613023"/>
              <a:gd name="connsiteX127" fmla="*/ 2928440 w 4172535"/>
              <a:gd name="connsiteY127" fmla="*/ 2095581 h 5613023"/>
              <a:gd name="connsiteX128" fmla="*/ 4161565 w 4172535"/>
              <a:gd name="connsiteY128" fmla="*/ 1856536 h 5613023"/>
              <a:gd name="connsiteX129" fmla="*/ 4172300 w 4172535"/>
              <a:gd name="connsiteY129" fmla="*/ 1840827 h 5613023"/>
              <a:gd name="connsiteX130" fmla="*/ 4156577 w 4172535"/>
              <a:gd name="connsiteY130" fmla="*/ 1830102 h 5613023"/>
              <a:gd name="connsiteX131" fmla="*/ 4142054 w 4172535"/>
              <a:gd name="connsiteY131" fmla="*/ 1755909 h 5613023"/>
              <a:gd name="connsiteX132" fmla="*/ 2900089 w 4172535"/>
              <a:gd name="connsiteY132" fmla="*/ 1996973 h 5613023"/>
              <a:gd name="connsiteX133" fmla="*/ 2435102 w 4172535"/>
              <a:gd name="connsiteY133" fmla="*/ 2612913 h 5613023"/>
              <a:gd name="connsiteX134" fmla="*/ 2006426 w 4172535"/>
              <a:gd name="connsiteY134" fmla="*/ 5352842 h 5613023"/>
              <a:gd name="connsiteX135" fmla="*/ 1917182 w 4172535"/>
              <a:gd name="connsiteY135" fmla="*/ 5561287 h 5613023"/>
              <a:gd name="connsiteX136" fmla="*/ 1940628 w 4172535"/>
              <a:gd name="connsiteY136" fmla="*/ 5574824 h 5613023"/>
              <a:gd name="connsiteX137" fmla="*/ 2031374 w 4172535"/>
              <a:gd name="connsiteY137" fmla="*/ 5362840 h 5613023"/>
              <a:gd name="connsiteX138" fmla="*/ 2461874 w 4172535"/>
              <a:gd name="connsiteY138" fmla="*/ 2610453 h 5613023"/>
              <a:gd name="connsiteX139" fmla="*/ 2905140 w 4172535"/>
              <a:gd name="connsiteY139" fmla="*/ 2022965 h 5613023"/>
              <a:gd name="connsiteX140" fmla="*/ 4147106 w 4172535"/>
              <a:gd name="connsiteY140" fmla="*/ 1782343 h 5613023"/>
              <a:gd name="connsiteX141" fmla="*/ 4157809 w 4172535"/>
              <a:gd name="connsiteY141" fmla="*/ 1766602 h 5613023"/>
              <a:gd name="connsiteX142" fmla="*/ 4142054 w 4172535"/>
              <a:gd name="connsiteY142" fmla="*/ 1755909 h 5613023"/>
              <a:gd name="connsiteX143" fmla="*/ 4127532 w 4172535"/>
              <a:gd name="connsiteY143" fmla="*/ 1681085 h 5613023"/>
              <a:gd name="connsiteX144" fmla="*/ 2876663 w 4172535"/>
              <a:gd name="connsiteY144" fmla="*/ 1923789 h 5613023"/>
              <a:gd name="connsiteX145" fmla="*/ 2358888 w 4172535"/>
              <a:gd name="connsiteY145" fmla="*/ 2612913 h 5613023"/>
              <a:gd name="connsiteX146" fmla="*/ 1936789 w 4172535"/>
              <a:gd name="connsiteY146" fmla="*/ 5322697 h 5613023"/>
              <a:gd name="connsiteX147" fmla="*/ 1851066 w 4172535"/>
              <a:gd name="connsiteY147" fmla="*/ 5523115 h 5613023"/>
              <a:gd name="connsiteX148" fmla="*/ 1874811 w 4172535"/>
              <a:gd name="connsiteY148" fmla="*/ 5536824 h 5613023"/>
              <a:gd name="connsiteX149" fmla="*/ 1961982 w 4172535"/>
              <a:gd name="connsiteY149" fmla="*/ 5333022 h 5613023"/>
              <a:gd name="connsiteX150" fmla="*/ 2386102 w 4172535"/>
              <a:gd name="connsiteY150" fmla="*/ 2611210 h 5613023"/>
              <a:gd name="connsiteX151" fmla="*/ 2882282 w 4172535"/>
              <a:gd name="connsiteY151" fmla="*/ 1950476 h 5613023"/>
              <a:gd name="connsiteX152" fmla="*/ 4132772 w 4172535"/>
              <a:gd name="connsiteY152" fmla="*/ 1707456 h 5613023"/>
              <a:gd name="connsiteX153" fmla="*/ 4143254 w 4172535"/>
              <a:gd name="connsiteY153" fmla="*/ 1691810 h 5613023"/>
              <a:gd name="connsiteX154" fmla="*/ 4127532 w 4172535"/>
              <a:gd name="connsiteY154" fmla="*/ 1681085 h 5613023"/>
              <a:gd name="connsiteX155" fmla="*/ 4113008 w 4172535"/>
              <a:gd name="connsiteY155" fmla="*/ 1606639 h 5613023"/>
              <a:gd name="connsiteX156" fmla="*/ 2853615 w 4172535"/>
              <a:gd name="connsiteY156" fmla="*/ 1851363 h 5613023"/>
              <a:gd name="connsiteX157" fmla="*/ 2282737 w 4172535"/>
              <a:gd name="connsiteY157" fmla="*/ 2614049 h 5613023"/>
              <a:gd name="connsiteX158" fmla="*/ 1867344 w 4172535"/>
              <a:gd name="connsiteY158" fmla="*/ 5291602 h 5613023"/>
              <a:gd name="connsiteX159" fmla="*/ 1784711 w 4172535"/>
              <a:gd name="connsiteY159" fmla="*/ 5484805 h 5613023"/>
              <a:gd name="connsiteX160" fmla="*/ 1808169 w 4172535"/>
              <a:gd name="connsiteY160" fmla="*/ 5498348 h 5613023"/>
              <a:gd name="connsiteX161" fmla="*/ 1891761 w 4172535"/>
              <a:gd name="connsiteY161" fmla="*/ 5302825 h 5613023"/>
              <a:gd name="connsiteX162" fmla="*/ 2309447 w 4172535"/>
              <a:gd name="connsiteY162" fmla="*/ 2611651 h 5613023"/>
              <a:gd name="connsiteX163" fmla="*/ 2858793 w 4172535"/>
              <a:gd name="connsiteY163" fmla="*/ 1877608 h 5613023"/>
              <a:gd name="connsiteX164" fmla="*/ 4117997 w 4172535"/>
              <a:gd name="connsiteY164" fmla="*/ 1633074 h 5613023"/>
              <a:gd name="connsiteX165" fmla="*/ 4128731 w 4172535"/>
              <a:gd name="connsiteY165" fmla="*/ 1617364 h 5613023"/>
              <a:gd name="connsiteX166" fmla="*/ 4113008 w 4172535"/>
              <a:gd name="connsiteY166" fmla="*/ 1606639 h 5613023"/>
              <a:gd name="connsiteX167" fmla="*/ 4098549 w 4172535"/>
              <a:gd name="connsiteY167" fmla="*/ 1532257 h 5613023"/>
              <a:gd name="connsiteX168" fmla="*/ 2830379 w 4172535"/>
              <a:gd name="connsiteY168" fmla="*/ 1778621 h 5613023"/>
              <a:gd name="connsiteX169" fmla="*/ 2206649 w 4172535"/>
              <a:gd name="connsiteY169" fmla="*/ 2614554 h 5613023"/>
              <a:gd name="connsiteX170" fmla="*/ 1797500 w 4172535"/>
              <a:gd name="connsiteY170" fmla="*/ 5261699 h 5613023"/>
              <a:gd name="connsiteX171" fmla="*/ 1718479 w 4172535"/>
              <a:gd name="connsiteY171" fmla="*/ 5446566 h 5613023"/>
              <a:gd name="connsiteX172" fmla="*/ 1742049 w 4172535"/>
              <a:gd name="connsiteY172" fmla="*/ 5460174 h 5613023"/>
              <a:gd name="connsiteX173" fmla="*/ 1822545 w 4172535"/>
              <a:gd name="connsiteY173" fmla="*/ 5271824 h 5613023"/>
              <a:gd name="connsiteX174" fmla="*/ 2233422 w 4172535"/>
              <a:gd name="connsiteY174" fmla="*/ 2612535 h 5613023"/>
              <a:gd name="connsiteX175" fmla="*/ 2835556 w 4172535"/>
              <a:gd name="connsiteY175" fmla="*/ 1804992 h 5613023"/>
              <a:gd name="connsiteX176" fmla="*/ 4103726 w 4172535"/>
              <a:gd name="connsiteY176" fmla="*/ 1558502 h 5613023"/>
              <a:gd name="connsiteX177" fmla="*/ 4104232 w 4172535"/>
              <a:gd name="connsiteY177" fmla="*/ 1558502 h 5613023"/>
              <a:gd name="connsiteX178" fmla="*/ 4114088 w 4172535"/>
              <a:gd name="connsiteY178" fmla="*/ 1543209 h 5613023"/>
              <a:gd name="connsiteX179" fmla="*/ 4098549 w 4172535"/>
              <a:gd name="connsiteY179" fmla="*/ 1532257 h 5613023"/>
              <a:gd name="connsiteX180" fmla="*/ 4084089 w 4172535"/>
              <a:gd name="connsiteY180" fmla="*/ 1457812 h 5613023"/>
              <a:gd name="connsiteX181" fmla="*/ 2807205 w 4172535"/>
              <a:gd name="connsiteY181" fmla="*/ 1705942 h 5613023"/>
              <a:gd name="connsiteX182" fmla="*/ 2130120 w 4172535"/>
              <a:gd name="connsiteY182" fmla="*/ 2615248 h 5613023"/>
              <a:gd name="connsiteX183" fmla="*/ 1727599 w 4172535"/>
              <a:gd name="connsiteY183" fmla="*/ 5231668 h 5613023"/>
              <a:gd name="connsiteX184" fmla="*/ 1652165 w 4172535"/>
              <a:gd name="connsiteY184" fmla="*/ 5408280 h 5613023"/>
              <a:gd name="connsiteX185" fmla="*/ 1675819 w 4172535"/>
              <a:gd name="connsiteY185" fmla="*/ 5421936 h 5613023"/>
              <a:gd name="connsiteX186" fmla="*/ 1752828 w 4172535"/>
              <a:gd name="connsiteY186" fmla="*/ 5241619 h 5613023"/>
              <a:gd name="connsiteX187" fmla="*/ 2157208 w 4172535"/>
              <a:gd name="connsiteY187" fmla="*/ 2612913 h 5613023"/>
              <a:gd name="connsiteX188" fmla="*/ 2812383 w 4172535"/>
              <a:gd name="connsiteY188" fmla="*/ 1732250 h 5613023"/>
              <a:gd name="connsiteX189" fmla="*/ 4089267 w 4172535"/>
              <a:gd name="connsiteY189" fmla="*/ 1484057 h 5613023"/>
              <a:gd name="connsiteX190" fmla="*/ 4099812 w 4172535"/>
              <a:gd name="connsiteY190" fmla="*/ 1468347 h 5613023"/>
              <a:gd name="connsiteX191" fmla="*/ 4084089 w 4172535"/>
              <a:gd name="connsiteY191" fmla="*/ 1457812 h 5613023"/>
              <a:gd name="connsiteX192" fmla="*/ 4069376 w 4172535"/>
              <a:gd name="connsiteY192" fmla="*/ 1383366 h 5613023"/>
              <a:gd name="connsiteX193" fmla="*/ 2784031 w 4172535"/>
              <a:gd name="connsiteY193" fmla="*/ 1633263 h 5613023"/>
              <a:gd name="connsiteX194" fmla="*/ 2054348 w 4172535"/>
              <a:gd name="connsiteY194" fmla="*/ 2615815 h 5613023"/>
              <a:gd name="connsiteX195" fmla="*/ 1657855 w 4172535"/>
              <a:gd name="connsiteY195" fmla="*/ 5201853 h 5613023"/>
              <a:gd name="connsiteX196" fmla="*/ 1586024 w 4172535"/>
              <a:gd name="connsiteY196" fmla="*/ 5370093 h 5613023"/>
              <a:gd name="connsiteX197" fmla="*/ 1609720 w 4172535"/>
              <a:gd name="connsiteY197" fmla="*/ 5383774 h 5613023"/>
              <a:gd name="connsiteX198" fmla="*/ 1683084 w 4172535"/>
              <a:gd name="connsiteY198" fmla="*/ 5211857 h 5613023"/>
              <a:gd name="connsiteX199" fmla="*/ 2081120 w 4172535"/>
              <a:gd name="connsiteY199" fmla="*/ 2613355 h 5613023"/>
              <a:gd name="connsiteX200" fmla="*/ 2789209 w 4172535"/>
              <a:gd name="connsiteY200" fmla="*/ 1659571 h 5613023"/>
              <a:gd name="connsiteX201" fmla="*/ 4074491 w 4172535"/>
              <a:gd name="connsiteY201" fmla="*/ 1409611 h 5613023"/>
              <a:gd name="connsiteX202" fmla="*/ 4075274 w 4172535"/>
              <a:gd name="connsiteY202" fmla="*/ 1409460 h 5613023"/>
              <a:gd name="connsiteX203" fmla="*/ 4085383 w 4172535"/>
              <a:gd name="connsiteY203" fmla="*/ 1393467 h 5613023"/>
              <a:gd name="connsiteX204" fmla="*/ 4069376 w 4172535"/>
              <a:gd name="connsiteY204" fmla="*/ 1383366 h 5613023"/>
              <a:gd name="connsiteX205" fmla="*/ 4055485 w 4172535"/>
              <a:gd name="connsiteY205" fmla="*/ 1308858 h 5613023"/>
              <a:gd name="connsiteX206" fmla="*/ 2761047 w 4172535"/>
              <a:gd name="connsiteY206" fmla="*/ 1560584 h 5613023"/>
              <a:gd name="connsiteX207" fmla="*/ 1978070 w 4172535"/>
              <a:gd name="connsiteY207" fmla="*/ 2616509 h 5613023"/>
              <a:gd name="connsiteX208" fmla="*/ 1588386 w 4172535"/>
              <a:gd name="connsiteY208" fmla="*/ 5171785 h 5613023"/>
              <a:gd name="connsiteX209" fmla="*/ 1520054 w 4172535"/>
              <a:gd name="connsiteY209" fmla="*/ 5332005 h 5613023"/>
              <a:gd name="connsiteX210" fmla="*/ 1543390 w 4172535"/>
              <a:gd name="connsiteY210" fmla="*/ 5345478 h 5613023"/>
              <a:gd name="connsiteX211" fmla="*/ 1613243 w 4172535"/>
              <a:gd name="connsiteY211" fmla="*/ 5181688 h 5613023"/>
              <a:gd name="connsiteX212" fmla="*/ 2004906 w 4172535"/>
              <a:gd name="connsiteY212" fmla="*/ 2613986 h 5613023"/>
              <a:gd name="connsiteX213" fmla="*/ 2766225 w 4172535"/>
              <a:gd name="connsiteY213" fmla="*/ 1586955 h 5613023"/>
              <a:gd name="connsiteX214" fmla="*/ 4060663 w 4172535"/>
              <a:gd name="connsiteY214" fmla="*/ 1335166 h 5613023"/>
              <a:gd name="connsiteX215" fmla="*/ 4071239 w 4172535"/>
              <a:gd name="connsiteY215" fmla="*/ 1319425 h 5613023"/>
              <a:gd name="connsiteX216" fmla="*/ 4055485 w 4172535"/>
              <a:gd name="connsiteY216" fmla="*/ 1308858 h 5613023"/>
              <a:gd name="connsiteX217" fmla="*/ 4040583 w 4172535"/>
              <a:gd name="connsiteY217" fmla="*/ 1234349 h 5613023"/>
              <a:gd name="connsiteX218" fmla="*/ 2737558 w 4172535"/>
              <a:gd name="connsiteY218" fmla="*/ 1487779 h 5613023"/>
              <a:gd name="connsiteX219" fmla="*/ 1901983 w 4172535"/>
              <a:gd name="connsiteY219" fmla="*/ 2617077 h 5613023"/>
              <a:gd name="connsiteX220" fmla="*/ 1518537 w 4172535"/>
              <a:gd name="connsiteY220" fmla="*/ 5142023 h 5613023"/>
              <a:gd name="connsiteX221" fmla="*/ 1453858 w 4172535"/>
              <a:gd name="connsiteY221" fmla="*/ 5293787 h 5613023"/>
              <a:gd name="connsiteX222" fmla="*/ 1477338 w 4172535"/>
              <a:gd name="connsiteY222" fmla="*/ 5307343 h 5613023"/>
              <a:gd name="connsiteX223" fmla="*/ 1543580 w 4172535"/>
              <a:gd name="connsiteY223" fmla="*/ 5151912 h 5613023"/>
              <a:gd name="connsiteX224" fmla="*/ 1928819 w 4172535"/>
              <a:gd name="connsiteY224" fmla="*/ 2614617 h 5613023"/>
              <a:gd name="connsiteX225" fmla="*/ 2742799 w 4172535"/>
              <a:gd name="connsiteY225" fmla="*/ 1514213 h 5613023"/>
              <a:gd name="connsiteX226" fmla="*/ 4045761 w 4172535"/>
              <a:gd name="connsiteY226" fmla="*/ 1260594 h 5613023"/>
              <a:gd name="connsiteX227" fmla="*/ 4056432 w 4172535"/>
              <a:gd name="connsiteY227" fmla="*/ 1244822 h 5613023"/>
              <a:gd name="connsiteX228" fmla="*/ 4056413 w 4172535"/>
              <a:gd name="connsiteY228" fmla="*/ 1244728 h 5613023"/>
              <a:gd name="connsiteX229" fmla="*/ 4040583 w 4172535"/>
              <a:gd name="connsiteY229" fmla="*/ 1234349 h 5613023"/>
              <a:gd name="connsiteX230" fmla="*/ 4026060 w 4172535"/>
              <a:gd name="connsiteY230" fmla="*/ 1160030 h 5613023"/>
              <a:gd name="connsiteX231" fmla="*/ 2714447 w 4172535"/>
              <a:gd name="connsiteY231" fmla="*/ 1415290 h 5613023"/>
              <a:gd name="connsiteX232" fmla="*/ 1825769 w 4172535"/>
              <a:gd name="connsiteY232" fmla="*/ 2617708 h 5613023"/>
              <a:gd name="connsiteX233" fmla="*/ 1448574 w 4172535"/>
              <a:gd name="connsiteY233" fmla="*/ 5111997 h 5613023"/>
              <a:gd name="connsiteX234" fmla="*/ 1387467 w 4172535"/>
              <a:gd name="connsiteY234" fmla="*/ 5255456 h 5613023"/>
              <a:gd name="connsiteX235" fmla="*/ 1410985 w 4172535"/>
              <a:gd name="connsiteY235" fmla="*/ 5269034 h 5613023"/>
              <a:gd name="connsiteX236" fmla="*/ 1473684 w 4172535"/>
              <a:gd name="connsiteY236" fmla="*/ 5121789 h 5613023"/>
              <a:gd name="connsiteX237" fmla="*/ 1852542 w 4172535"/>
              <a:gd name="connsiteY237" fmla="*/ 2615058 h 5613023"/>
              <a:gd name="connsiteX238" fmla="*/ 2719625 w 4172535"/>
              <a:gd name="connsiteY238" fmla="*/ 1441598 h 5613023"/>
              <a:gd name="connsiteX239" fmla="*/ 4031301 w 4172535"/>
              <a:gd name="connsiteY239" fmla="*/ 1186338 h 5613023"/>
              <a:gd name="connsiteX240" fmla="*/ 4041909 w 4172535"/>
              <a:gd name="connsiteY240" fmla="*/ 1170566 h 5613023"/>
              <a:gd name="connsiteX241" fmla="*/ 4026060 w 4172535"/>
              <a:gd name="connsiteY241" fmla="*/ 1160030 h 5613023"/>
              <a:gd name="connsiteX242" fmla="*/ 4011537 w 4172535"/>
              <a:gd name="connsiteY242" fmla="*/ 1085522 h 5613023"/>
              <a:gd name="connsiteX243" fmla="*/ 2690895 w 4172535"/>
              <a:gd name="connsiteY243" fmla="*/ 1342800 h 5613023"/>
              <a:gd name="connsiteX244" fmla="*/ 1749302 w 4172535"/>
              <a:gd name="connsiteY244" fmla="*/ 2618528 h 5613023"/>
              <a:gd name="connsiteX245" fmla="*/ 1378644 w 4172535"/>
              <a:gd name="connsiteY245" fmla="*/ 5082431 h 5613023"/>
              <a:gd name="connsiteX246" fmla="*/ 1321276 w 4172535"/>
              <a:gd name="connsiteY246" fmla="*/ 5217241 h 5613023"/>
              <a:gd name="connsiteX247" fmla="*/ 1344809 w 4172535"/>
              <a:gd name="connsiteY247" fmla="*/ 5230828 h 5613023"/>
              <a:gd name="connsiteX248" fmla="*/ 1403833 w 4172535"/>
              <a:gd name="connsiteY248" fmla="*/ 5092118 h 5613023"/>
              <a:gd name="connsiteX249" fmla="*/ 1776327 w 4172535"/>
              <a:gd name="connsiteY249" fmla="*/ 2615879 h 5613023"/>
              <a:gd name="connsiteX250" fmla="*/ 2696325 w 4172535"/>
              <a:gd name="connsiteY250" fmla="*/ 1368919 h 5613023"/>
              <a:gd name="connsiteX251" fmla="*/ 4016715 w 4172535"/>
              <a:gd name="connsiteY251" fmla="*/ 1111767 h 5613023"/>
              <a:gd name="connsiteX252" fmla="*/ 4027386 w 4172535"/>
              <a:gd name="connsiteY252" fmla="*/ 1095995 h 5613023"/>
              <a:gd name="connsiteX253" fmla="*/ 4011537 w 4172535"/>
              <a:gd name="connsiteY253" fmla="*/ 1085522 h 5613023"/>
              <a:gd name="connsiteX254" fmla="*/ 3996825 w 4172535"/>
              <a:gd name="connsiteY254" fmla="*/ 1011203 h 5613023"/>
              <a:gd name="connsiteX255" fmla="*/ 2667595 w 4172535"/>
              <a:gd name="connsiteY255" fmla="*/ 1269869 h 5613023"/>
              <a:gd name="connsiteX256" fmla="*/ 1673467 w 4172535"/>
              <a:gd name="connsiteY256" fmla="*/ 2618844 h 5613023"/>
              <a:gd name="connsiteX257" fmla="*/ 1309084 w 4172535"/>
              <a:gd name="connsiteY257" fmla="*/ 5052141 h 5613023"/>
              <a:gd name="connsiteX258" fmla="*/ 1255123 w 4172535"/>
              <a:gd name="connsiteY258" fmla="*/ 5179047 h 5613023"/>
              <a:gd name="connsiteX259" fmla="*/ 1278582 w 4172535"/>
              <a:gd name="connsiteY259" fmla="*/ 5192591 h 5613023"/>
              <a:gd name="connsiteX260" fmla="*/ 1334058 w 4172535"/>
              <a:gd name="connsiteY260" fmla="*/ 5062112 h 5613023"/>
              <a:gd name="connsiteX261" fmla="*/ 1700177 w 4172535"/>
              <a:gd name="connsiteY261" fmla="*/ 2616383 h 5613023"/>
              <a:gd name="connsiteX262" fmla="*/ 2672899 w 4172535"/>
              <a:gd name="connsiteY262" fmla="*/ 1296114 h 5613023"/>
              <a:gd name="connsiteX263" fmla="*/ 4002003 w 4172535"/>
              <a:gd name="connsiteY263" fmla="*/ 1037448 h 5613023"/>
              <a:gd name="connsiteX264" fmla="*/ 4012674 w 4172535"/>
              <a:gd name="connsiteY264" fmla="*/ 1021675 h 5613023"/>
              <a:gd name="connsiteX265" fmla="*/ 3996825 w 4172535"/>
              <a:gd name="connsiteY265" fmla="*/ 1011203 h 5613023"/>
              <a:gd name="connsiteX266" fmla="*/ 3982491 w 4172535"/>
              <a:gd name="connsiteY266" fmla="*/ 936505 h 5613023"/>
              <a:gd name="connsiteX267" fmla="*/ 2644611 w 4172535"/>
              <a:gd name="connsiteY267" fmla="*/ 1197190 h 5613023"/>
              <a:gd name="connsiteX268" fmla="*/ 1597253 w 4172535"/>
              <a:gd name="connsiteY268" fmla="*/ 2619601 h 5613023"/>
              <a:gd name="connsiteX269" fmla="*/ 1239304 w 4172535"/>
              <a:gd name="connsiteY269" fmla="*/ 5022579 h 5613023"/>
              <a:gd name="connsiteX270" fmla="*/ 1189037 w 4172535"/>
              <a:gd name="connsiteY270" fmla="*/ 5140893 h 5613023"/>
              <a:gd name="connsiteX271" fmla="*/ 1212404 w 4172535"/>
              <a:gd name="connsiteY271" fmla="*/ 5154384 h 5613023"/>
              <a:gd name="connsiteX272" fmla="*/ 1264254 w 4172535"/>
              <a:gd name="connsiteY272" fmla="*/ 5032331 h 5613023"/>
              <a:gd name="connsiteX273" fmla="*/ 1624026 w 4172535"/>
              <a:gd name="connsiteY273" fmla="*/ 2616888 h 5613023"/>
              <a:gd name="connsiteX274" fmla="*/ 2649915 w 4172535"/>
              <a:gd name="connsiteY274" fmla="*/ 1223561 h 5613023"/>
              <a:gd name="connsiteX275" fmla="*/ 3987921 w 4172535"/>
              <a:gd name="connsiteY275" fmla="*/ 962687 h 5613023"/>
              <a:gd name="connsiteX276" fmla="*/ 3998340 w 4172535"/>
              <a:gd name="connsiteY276" fmla="*/ 947041 h 5613023"/>
              <a:gd name="connsiteX277" fmla="*/ 3982491 w 4172535"/>
              <a:gd name="connsiteY277" fmla="*/ 936505 h 5613023"/>
              <a:gd name="connsiteX278" fmla="*/ 3968347 w 4172535"/>
              <a:gd name="connsiteY278" fmla="*/ 862123 h 5613023"/>
              <a:gd name="connsiteX279" fmla="*/ 2621501 w 4172535"/>
              <a:gd name="connsiteY279" fmla="*/ 1124889 h 5613023"/>
              <a:gd name="connsiteX280" fmla="*/ 1521166 w 4172535"/>
              <a:gd name="connsiteY280" fmla="*/ 2620610 h 5613023"/>
              <a:gd name="connsiteX281" fmla="*/ 1169606 w 4172535"/>
              <a:gd name="connsiteY281" fmla="*/ 4992875 h 5613023"/>
              <a:gd name="connsiteX282" fmla="*/ 1122962 w 4172535"/>
              <a:gd name="connsiteY282" fmla="*/ 5102744 h 5613023"/>
              <a:gd name="connsiteX283" fmla="*/ 1146248 w 4172535"/>
              <a:gd name="connsiteY283" fmla="*/ 5116188 h 5613023"/>
              <a:gd name="connsiteX284" fmla="*/ 1194551 w 4172535"/>
              <a:gd name="connsiteY284" fmla="*/ 5002394 h 5613023"/>
              <a:gd name="connsiteX285" fmla="*/ 1547875 w 4172535"/>
              <a:gd name="connsiteY285" fmla="*/ 2617582 h 5613023"/>
              <a:gd name="connsiteX286" fmla="*/ 2626994 w 4172535"/>
              <a:gd name="connsiteY286" fmla="*/ 1150882 h 5613023"/>
              <a:gd name="connsiteX287" fmla="*/ 3973525 w 4172535"/>
              <a:gd name="connsiteY287" fmla="*/ 888431 h 5613023"/>
              <a:gd name="connsiteX288" fmla="*/ 3984101 w 4172535"/>
              <a:gd name="connsiteY288" fmla="*/ 872690 h 5613023"/>
              <a:gd name="connsiteX289" fmla="*/ 3968347 w 4172535"/>
              <a:gd name="connsiteY289" fmla="*/ 862123 h 5613023"/>
              <a:gd name="connsiteX290" fmla="*/ 2576037 w 4172535"/>
              <a:gd name="connsiteY290" fmla="*/ 2475 h 5613023"/>
              <a:gd name="connsiteX291" fmla="*/ 2571750 w 4172535"/>
              <a:gd name="connsiteY291" fmla="*/ 0 h 5613023"/>
              <a:gd name="connsiteX292" fmla="*/ 2569593 w 4172535"/>
              <a:gd name="connsiteY292" fmla="*/ 3737 h 5613023"/>
              <a:gd name="connsiteX293" fmla="*/ 2676037 w 4172535"/>
              <a:gd name="connsiteY293" fmla="*/ 60210 h 5613023"/>
              <a:gd name="connsiteX294" fmla="*/ 2640711 w 4172535"/>
              <a:gd name="connsiteY294" fmla="*/ 39815 h 5613023"/>
              <a:gd name="connsiteX295" fmla="*/ 2537045 w 4172535"/>
              <a:gd name="connsiteY295" fmla="*/ 60112 h 5613023"/>
              <a:gd name="connsiteX296" fmla="*/ 2519261 w 4172535"/>
              <a:gd name="connsiteY296" fmla="*/ 90915 h 5613023"/>
              <a:gd name="connsiteX297" fmla="*/ 2775934 w 4172535"/>
              <a:gd name="connsiteY297" fmla="*/ 117886 h 5613023"/>
              <a:gd name="connsiteX298" fmla="*/ 2740624 w 4172535"/>
              <a:gd name="connsiteY298" fmla="*/ 97499 h 5613023"/>
              <a:gd name="connsiteX299" fmla="*/ 2486769 w 4172535"/>
              <a:gd name="connsiteY299" fmla="*/ 147191 h 5613023"/>
              <a:gd name="connsiteX300" fmla="*/ 2468990 w 4172535"/>
              <a:gd name="connsiteY300" fmla="*/ 177986 h 5613023"/>
              <a:gd name="connsiteX301" fmla="*/ 2875607 w 4172535"/>
              <a:gd name="connsiteY301" fmla="*/ 175432 h 5613023"/>
              <a:gd name="connsiteX302" fmla="*/ 2840431 w 4172535"/>
              <a:gd name="connsiteY302" fmla="*/ 155123 h 5613023"/>
              <a:gd name="connsiteX303" fmla="*/ 2436576 w 4172535"/>
              <a:gd name="connsiteY303" fmla="*/ 234129 h 5613023"/>
              <a:gd name="connsiteX304" fmla="*/ 2418876 w 4172535"/>
              <a:gd name="connsiteY304" fmla="*/ 264786 h 5613023"/>
              <a:gd name="connsiteX305" fmla="*/ 2975594 w 4172535"/>
              <a:gd name="connsiteY305" fmla="*/ 233159 h 5613023"/>
              <a:gd name="connsiteX306" fmla="*/ 2940418 w 4172535"/>
              <a:gd name="connsiteY306" fmla="*/ 212851 h 5613023"/>
              <a:gd name="connsiteX307" fmla="*/ 2386287 w 4172535"/>
              <a:gd name="connsiteY307" fmla="*/ 321231 h 5613023"/>
              <a:gd name="connsiteX308" fmla="*/ 2368410 w 4172535"/>
              <a:gd name="connsiteY308" fmla="*/ 352196 h 5613023"/>
              <a:gd name="connsiteX309" fmla="*/ 2371327 w 4172535"/>
              <a:gd name="connsiteY309" fmla="*/ 351478 h 5613023"/>
              <a:gd name="connsiteX310" fmla="*/ 3075640 w 4172535"/>
              <a:gd name="connsiteY310" fmla="*/ 290921 h 5613023"/>
              <a:gd name="connsiteX311" fmla="*/ 3040348 w 4172535"/>
              <a:gd name="connsiteY311" fmla="*/ 270545 h 5613023"/>
              <a:gd name="connsiteX312" fmla="*/ 2389323 w 4172535"/>
              <a:gd name="connsiteY312" fmla="*/ 397849 h 5613023"/>
              <a:gd name="connsiteX313" fmla="*/ 2334154 w 4172535"/>
              <a:gd name="connsiteY313" fmla="*/ 411528 h 5613023"/>
              <a:gd name="connsiteX314" fmla="*/ 2315502 w 4172535"/>
              <a:gd name="connsiteY314" fmla="*/ 443835 h 5613023"/>
              <a:gd name="connsiteX315" fmla="*/ 2394627 w 4172535"/>
              <a:gd name="connsiteY315" fmla="*/ 424220 h 5613023"/>
              <a:gd name="connsiteX316" fmla="*/ 3175538 w 4172535"/>
              <a:gd name="connsiteY316" fmla="*/ 348597 h 5613023"/>
              <a:gd name="connsiteX317" fmla="*/ 3140418 w 4172535"/>
              <a:gd name="connsiteY317" fmla="*/ 328321 h 5613023"/>
              <a:gd name="connsiteX318" fmla="*/ 2412496 w 4172535"/>
              <a:gd name="connsiteY318" fmla="*/ 470590 h 5613023"/>
              <a:gd name="connsiteX319" fmla="*/ 2281274 w 4172535"/>
              <a:gd name="connsiteY319" fmla="*/ 503119 h 5613023"/>
              <a:gd name="connsiteX320" fmla="*/ 2262691 w 4172535"/>
              <a:gd name="connsiteY320" fmla="*/ 535306 h 5613023"/>
              <a:gd name="connsiteX321" fmla="*/ 2417864 w 4172535"/>
              <a:gd name="connsiteY321" fmla="*/ 496836 h 5613023"/>
              <a:gd name="connsiteX322" fmla="*/ 3275431 w 4172535"/>
              <a:gd name="connsiteY322" fmla="*/ 406271 h 5613023"/>
              <a:gd name="connsiteX323" fmla="*/ 3240812 w 4172535"/>
              <a:gd name="connsiteY323" fmla="*/ 386283 h 5613023"/>
              <a:gd name="connsiteX324" fmla="*/ 2435796 w 4172535"/>
              <a:gd name="connsiteY324" fmla="*/ 543585 h 5613023"/>
              <a:gd name="connsiteX325" fmla="*/ 2257167 w 4172535"/>
              <a:gd name="connsiteY325" fmla="*/ 587822 h 5613023"/>
              <a:gd name="connsiteX326" fmla="*/ 2226054 w 4172535"/>
              <a:gd name="connsiteY326" fmla="*/ 598765 h 5613023"/>
              <a:gd name="connsiteX327" fmla="*/ 2205753 w 4172535"/>
              <a:gd name="connsiteY327" fmla="*/ 633926 h 5613023"/>
              <a:gd name="connsiteX328" fmla="*/ 2264841 w 4172535"/>
              <a:gd name="connsiteY328" fmla="*/ 613129 h 5613023"/>
              <a:gd name="connsiteX329" fmla="*/ 2440974 w 4172535"/>
              <a:gd name="connsiteY329" fmla="*/ 569451 h 5613023"/>
              <a:gd name="connsiteX330" fmla="*/ 3375392 w 4172535"/>
              <a:gd name="connsiteY330" fmla="*/ 463983 h 5613023"/>
              <a:gd name="connsiteX331" fmla="*/ 3340350 w 4172535"/>
              <a:gd name="connsiteY331" fmla="*/ 443751 h 5613023"/>
              <a:gd name="connsiteX332" fmla="*/ 2459222 w 4172535"/>
              <a:gd name="connsiteY332" fmla="*/ 615885 h 5613023"/>
              <a:gd name="connsiteX333" fmla="*/ 2286845 w 4172535"/>
              <a:gd name="connsiteY333" fmla="*/ 658576 h 5613023"/>
              <a:gd name="connsiteX334" fmla="*/ 2167241 w 4172535"/>
              <a:gd name="connsiteY334" fmla="*/ 700632 h 5613023"/>
              <a:gd name="connsiteX335" fmla="*/ 2146734 w 4172535"/>
              <a:gd name="connsiteY335" fmla="*/ 736150 h 5613023"/>
              <a:gd name="connsiteX336" fmla="*/ 2294298 w 4172535"/>
              <a:gd name="connsiteY336" fmla="*/ 684230 h 5613023"/>
              <a:gd name="connsiteX337" fmla="*/ 2464148 w 4172535"/>
              <a:gd name="connsiteY337" fmla="*/ 642130 h 5613023"/>
              <a:gd name="connsiteX338" fmla="*/ 3475571 w 4172535"/>
              <a:gd name="connsiteY338" fmla="*/ 521822 h 5613023"/>
              <a:gd name="connsiteX339" fmla="*/ 3440382 w 4172535"/>
              <a:gd name="connsiteY339" fmla="*/ 501505 h 5613023"/>
              <a:gd name="connsiteX340" fmla="*/ 2482207 w 4172535"/>
              <a:gd name="connsiteY340" fmla="*/ 688690 h 5613023"/>
              <a:gd name="connsiteX341" fmla="*/ 2157418 w 4172535"/>
              <a:gd name="connsiteY341" fmla="*/ 785641 h 5613023"/>
              <a:gd name="connsiteX342" fmla="*/ 2103883 w 4172535"/>
              <a:gd name="connsiteY342" fmla="*/ 810370 h 5613023"/>
              <a:gd name="connsiteX343" fmla="*/ 2080642 w 4172535"/>
              <a:gd name="connsiteY343" fmla="*/ 850624 h 5613023"/>
              <a:gd name="connsiteX344" fmla="*/ 2167626 w 4172535"/>
              <a:gd name="connsiteY344" fmla="*/ 810407 h 5613023"/>
              <a:gd name="connsiteX345" fmla="*/ 2487510 w 4172535"/>
              <a:gd name="connsiteY345" fmla="*/ 714746 h 5613023"/>
              <a:gd name="connsiteX346" fmla="*/ 3575715 w 4172535"/>
              <a:gd name="connsiteY346" fmla="*/ 579640 h 5613023"/>
              <a:gd name="connsiteX347" fmla="*/ 3540445 w 4172535"/>
              <a:gd name="connsiteY347" fmla="*/ 559276 h 5613023"/>
              <a:gd name="connsiteX348" fmla="*/ 2505443 w 4172535"/>
              <a:gd name="connsiteY348" fmla="*/ 761243 h 5613023"/>
              <a:gd name="connsiteX349" fmla="*/ 2047910 w 4172535"/>
              <a:gd name="connsiteY349" fmla="*/ 921524 h 5613023"/>
              <a:gd name="connsiteX350" fmla="*/ 2035568 w 4172535"/>
              <a:gd name="connsiteY350" fmla="*/ 928695 h 5613023"/>
              <a:gd name="connsiteX351" fmla="*/ 2008623 w 4172535"/>
              <a:gd name="connsiteY351" fmla="*/ 975366 h 5613023"/>
              <a:gd name="connsiteX352" fmla="*/ 2060276 w 4172535"/>
              <a:gd name="connsiteY352" fmla="*/ 945343 h 5613023"/>
              <a:gd name="connsiteX353" fmla="*/ 2510621 w 4172535"/>
              <a:gd name="connsiteY353" fmla="*/ 787488 h 5613023"/>
              <a:gd name="connsiteX354" fmla="*/ 3675634 w 4172535"/>
              <a:gd name="connsiteY354" fmla="*/ 637328 h 5613023"/>
              <a:gd name="connsiteX355" fmla="*/ 3640173 w 4172535"/>
              <a:gd name="connsiteY355" fmla="*/ 616855 h 5613023"/>
              <a:gd name="connsiteX356" fmla="*/ 2528680 w 4172535"/>
              <a:gd name="connsiteY356" fmla="*/ 833796 h 5613023"/>
              <a:gd name="connsiteX357" fmla="*/ 1966063 w 4172535"/>
              <a:gd name="connsiteY357" fmla="*/ 1058906 h 5613023"/>
              <a:gd name="connsiteX358" fmla="*/ 1956512 w 4172535"/>
              <a:gd name="connsiteY358" fmla="*/ 1065624 h 5613023"/>
              <a:gd name="connsiteX359" fmla="*/ 1924686 w 4172535"/>
              <a:gd name="connsiteY359" fmla="*/ 1120749 h 5613023"/>
              <a:gd name="connsiteX360" fmla="*/ 1972297 w 4172535"/>
              <a:gd name="connsiteY360" fmla="*/ 1086831 h 5613023"/>
              <a:gd name="connsiteX361" fmla="*/ 2533921 w 4172535"/>
              <a:gd name="connsiteY361" fmla="*/ 860230 h 5613023"/>
              <a:gd name="connsiteX362" fmla="*/ 3775430 w 4172535"/>
              <a:gd name="connsiteY362" fmla="*/ 694945 h 5613023"/>
              <a:gd name="connsiteX363" fmla="*/ 3739942 w 4172535"/>
              <a:gd name="connsiteY363" fmla="*/ 674456 h 5613023"/>
              <a:gd name="connsiteX364" fmla="*/ 2551980 w 4172535"/>
              <a:gd name="connsiteY364" fmla="*/ 906222 h 5613023"/>
              <a:gd name="connsiteX365" fmla="*/ 1883548 w 4172535"/>
              <a:gd name="connsiteY365" fmla="*/ 1210367 h 5613023"/>
              <a:gd name="connsiteX366" fmla="*/ 1862566 w 4172535"/>
              <a:gd name="connsiteY366" fmla="*/ 1228344 h 5613023"/>
              <a:gd name="connsiteX367" fmla="*/ 1822113 w 4172535"/>
              <a:gd name="connsiteY367" fmla="*/ 1298411 h 5613023"/>
              <a:gd name="connsiteX368" fmla="*/ 1900091 w 4172535"/>
              <a:gd name="connsiteY368" fmla="*/ 1231612 h 5613023"/>
              <a:gd name="connsiteX369" fmla="*/ 2557094 w 4172535"/>
              <a:gd name="connsiteY369" fmla="*/ 932783 h 5613023"/>
              <a:gd name="connsiteX370" fmla="*/ 3875651 w 4172535"/>
              <a:gd name="connsiteY370" fmla="*/ 752808 h 5613023"/>
              <a:gd name="connsiteX371" fmla="*/ 3840301 w 4172535"/>
              <a:gd name="connsiteY371" fmla="*/ 732399 h 5613023"/>
              <a:gd name="connsiteX372" fmla="*/ 2574964 w 4172535"/>
              <a:gd name="connsiteY372" fmla="*/ 979279 h 5613023"/>
              <a:gd name="connsiteX373" fmla="*/ 1735391 w 4172535"/>
              <a:gd name="connsiteY373" fmla="*/ 1457855 h 5613023"/>
              <a:gd name="connsiteX374" fmla="*/ 1716684 w 4172535"/>
              <a:gd name="connsiteY374" fmla="*/ 1481018 h 5613023"/>
              <a:gd name="connsiteX375" fmla="*/ 1446983 w 4172535"/>
              <a:gd name="connsiteY375" fmla="*/ 1948155 h 5613023"/>
              <a:gd name="connsiteX376" fmla="*/ 1412225 w 4172535"/>
              <a:gd name="connsiteY376" fmla="*/ 2055959 h 5613023"/>
              <a:gd name="connsiteX377" fmla="*/ 1368927 w 4172535"/>
              <a:gd name="connsiteY377" fmla="*/ 2621430 h 5613023"/>
              <a:gd name="connsiteX378" fmla="*/ 1020508 w 4172535"/>
              <a:gd name="connsiteY378" fmla="*/ 4957395 h 5613023"/>
              <a:gd name="connsiteX379" fmla="*/ 990802 w 4172535"/>
              <a:gd name="connsiteY379" fmla="*/ 5026441 h 5613023"/>
              <a:gd name="connsiteX380" fmla="*/ 1013845 w 4172535"/>
              <a:gd name="connsiteY380" fmla="*/ 5039745 h 5613023"/>
              <a:gd name="connsiteX381" fmla="*/ 1054986 w 4172535"/>
              <a:gd name="connsiteY381" fmla="*/ 4942653 h 5613023"/>
              <a:gd name="connsiteX382" fmla="*/ 1395573 w 4172535"/>
              <a:gd name="connsiteY382" fmla="*/ 2618718 h 5613023"/>
              <a:gd name="connsiteX383" fmla="*/ 2580079 w 4172535"/>
              <a:gd name="connsiteY383" fmla="*/ 1005588 h 5613023"/>
              <a:gd name="connsiteX384" fmla="*/ 3968634 w 4172535"/>
              <a:gd name="connsiteY384" fmla="*/ 806492 h 5613023"/>
              <a:gd name="connsiteX385" fmla="*/ 3940438 w 4172535"/>
              <a:gd name="connsiteY385" fmla="*/ 790213 h 5613023"/>
              <a:gd name="connsiteX386" fmla="*/ 2598138 w 4172535"/>
              <a:gd name="connsiteY386" fmla="*/ 1051895 h 5613023"/>
              <a:gd name="connsiteX387" fmla="*/ 1445141 w 4172535"/>
              <a:gd name="connsiteY387" fmla="*/ 2620989 h 5613023"/>
              <a:gd name="connsiteX388" fmla="*/ 1100009 w 4172535"/>
              <a:gd name="connsiteY388" fmla="*/ 4962870 h 5613023"/>
              <a:gd name="connsiteX389" fmla="*/ 1056869 w 4172535"/>
              <a:gd name="connsiteY389" fmla="*/ 5064585 h 5613023"/>
              <a:gd name="connsiteX390" fmla="*/ 1080039 w 4172535"/>
              <a:gd name="connsiteY390" fmla="*/ 5077962 h 5613023"/>
              <a:gd name="connsiteX391" fmla="*/ 1124702 w 4172535"/>
              <a:gd name="connsiteY391" fmla="*/ 4972656 h 5613023"/>
              <a:gd name="connsiteX392" fmla="*/ 1471724 w 4172535"/>
              <a:gd name="connsiteY392" fmla="*/ 2618213 h 5613023"/>
              <a:gd name="connsiteX393" fmla="*/ 2603442 w 4172535"/>
              <a:gd name="connsiteY393" fmla="*/ 1078203 h 5613023"/>
              <a:gd name="connsiteX394" fmla="*/ 3958686 w 4172535"/>
              <a:gd name="connsiteY394" fmla="*/ 813985 h 5613023"/>
              <a:gd name="connsiteX395" fmla="*/ 3960322 w 4172535"/>
              <a:gd name="connsiteY395" fmla="*/ 813657 h 5613023"/>
              <a:gd name="connsiteX396" fmla="*/ 3968507 w 4172535"/>
              <a:gd name="connsiteY396" fmla="*/ 807427 h 561302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 ang="0">
                <a:pos x="connsiteX118" y="connsiteY118"/>
              </a:cxn>
              <a:cxn ang="0">
                <a:pos x="connsiteX119" y="connsiteY119"/>
              </a:cxn>
              <a:cxn ang="0">
                <a:pos x="connsiteX120" y="connsiteY120"/>
              </a:cxn>
              <a:cxn ang="0">
                <a:pos x="connsiteX121" y="connsiteY121"/>
              </a:cxn>
              <a:cxn ang="0">
                <a:pos x="connsiteX122" y="connsiteY122"/>
              </a:cxn>
              <a:cxn ang="0">
                <a:pos x="connsiteX123" y="connsiteY123"/>
              </a:cxn>
              <a:cxn ang="0">
                <a:pos x="connsiteX124" y="connsiteY124"/>
              </a:cxn>
              <a:cxn ang="0">
                <a:pos x="connsiteX125" y="connsiteY125"/>
              </a:cxn>
              <a:cxn ang="0">
                <a:pos x="connsiteX126" y="connsiteY126"/>
              </a:cxn>
              <a:cxn ang="0">
                <a:pos x="connsiteX127" y="connsiteY127"/>
              </a:cxn>
              <a:cxn ang="0">
                <a:pos x="connsiteX128" y="connsiteY128"/>
              </a:cxn>
              <a:cxn ang="0">
                <a:pos x="connsiteX129" y="connsiteY129"/>
              </a:cxn>
              <a:cxn ang="0">
                <a:pos x="connsiteX130" y="connsiteY130"/>
              </a:cxn>
              <a:cxn ang="0">
                <a:pos x="connsiteX131" y="connsiteY131"/>
              </a:cxn>
              <a:cxn ang="0">
                <a:pos x="connsiteX132" y="connsiteY132"/>
              </a:cxn>
              <a:cxn ang="0">
                <a:pos x="connsiteX133" y="connsiteY133"/>
              </a:cxn>
              <a:cxn ang="0">
                <a:pos x="connsiteX134" y="connsiteY134"/>
              </a:cxn>
              <a:cxn ang="0">
                <a:pos x="connsiteX135" y="connsiteY135"/>
              </a:cxn>
              <a:cxn ang="0">
                <a:pos x="connsiteX136" y="connsiteY136"/>
              </a:cxn>
              <a:cxn ang="0">
                <a:pos x="connsiteX137" y="connsiteY137"/>
              </a:cxn>
              <a:cxn ang="0">
                <a:pos x="connsiteX138" y="connsiteY138"/>
              </a:cxn>
              <a:cxn ang="0">
                <a:pos x="connsiteX139" y="connsiteY139"/>
              </a:cxn>
              <a:cxn ang="0">
                <a:pos x="connsiteX140" y="connsiteY140"/>
              </a:cxn>
              <a:cxn ang="0">
                <a:pos x="connsiteX141" y="connsiteY141"/>
              </a:cxn>
              <a:cxn ang="0">
                <a:pos x="connsiteX142" y="connsiteY142"/>
              </a:cxn>
              <a:cxn ang="0">
                <a:pos x="connsiteX143" y="connsiteY143"/>
              </a:cxn>
              <a:cxn ang="0">
                <a:pos x="connsiteX144" y="connsiteY144"/>
              </a:cxn>
              <a:cxn ang="0">
                <a:pos x="connsiteX145" y="connsiteY145"/>
              </a:cxn>
              <a:cxn ang="0">
                <a:pos x="connsiteX146" y="connsiteY146"/>
              </a:cxn>
              <a:cxn ang="0">
                <a:pos x="connsiteX147" y="connsiteY147"/>
              </a:cxn>
              <a:cxn ang="0">
                <a:pos x="connsiteX148" y="connsiteY148"/>
              </a:cxn>
              <a:cxn ang="0">
                <a:pos x="connsiteX149" y="connsiteY149"/>
              </a:cxn>
              <a:cxn ang="0">
                <a:pos x="connsiteX150" y="connsiteY150"/>
              </a:cxn>
              <a:cxn ang="0">
                <a:pos x="connsiteX151" y="connsiteY151"/>
              </a:cxn>
              <a:cxn ang="0">
                <a:pos x="connsiteX152" y="connsiteY152"/>
              </a:cxn>
              <a:cxn ang="0">
                <a:pos x="connsiteX153" y="connsiteY153"/>
              </a:cxn>
              <a:cxn ang="0">
                <a:pos x="connsiteX154" y="connsiteY154"/>
              </a:cxn>
              <a:cxn ang="0">
                <a:pos x="connsiteX155" y="connsiteY155"/>
              </a:cxn>
              <a:cxn ang="0">
                <a:pos x="connsiteX156" y="connsiteY156"/>
              </a:cxn>
              <a:cxn ang="0">
                <a:pos x="connsiteX157" y="connsiteY157"/>
              </a:cxn>
              <a:cxn ang="0">
                <a:pos x="connsiteX158" y="connsiteY158"/>
              </a:cxn>
              <a:cxn ang="0">
                <a:pos x="connsiteX159" y="connsiteY159"/>
              </a:cxn>
              <a:cxn ang="0">
                <a:pos x="connsiteX160" y="connsiteY160"/>
              </a:cxn>
              <a:cxn ang="0">
                <a:pos x="connsiteX161" y="connsiteY161"/>
              </a:cxn>
              <a:cxn ang="0">
                <a:pos x="connsiteX162" y="connsiteY162"/>
              </a:cxn>
              <a:cxn ang="0">
                <a:pos x="connsiteX163" y="connsiteY163"/>
              </a:cxn>
              <a:cxn ang="0">
                <a:pos x="connsiteX164" y="connsiteY164"/>
              </a:cxn>
              <a:cxn ang="0">
                <a:pos x="connsiteX165" y="connsiteY165"/>
              </a:cxn>
              <a:cxn ang="0">
                <a:pos x="connsiteX166" y="connsiteY166"/>
              </a:cxn>
              <a:cxn ang="0">
                <a:pos x="connsiteX167" y="connsiteY167"/>
              </a:cxn>
              <a:cxn ang="0">
                <a:pos x="connsiteX168" y="connsiteY168"/>
              </a:cxn>
              <a:cxn ang="0">
                <a:pos x="connsiteX169" y="connsiteY169"/>
              </a:cxn>
              <a:cxn ang="0">
                <a:pos x="connsiteX170" y="connsiteY170"/>
              </a:cxn>
              <a:cxn ang="0">
                <a:pos x="connsiteX171" y="connsiteY171"/>
              </a:cxn>
              <a:cxn ang="0">
                <a:pos x="connsiteX172" y="connsiteY172"/>
              </a:cxn>
              <a:cxn ang="0">
                <a:pos x="connsiteX173" y="connsiteY173"/>
              </a:cxn>
              <a:cxn ang="0">
                <a:pos x="connsiteX174" y="connsiteY174"/>
              </a:cxn>
              <a:cxn ang="0">
                <a:pos x="connsiteX175" y="connsiteY175"/>
              </a:cxn>
              <a:cxn ang="0">
                <a:pos x="connsiteX176" y="connsiteY176"/>
              </a:cxn>
              <a:cxn ang="0">
                <a:pos x="connsiteX177" y="connsiteY177"/>
              </a:cxn>
              <a:cxn ang="0">
                <a:pos x="connsiteX178" y="connsiteY178"/>
              </a:cxn>
              <a:cxn ang="0">
                <a:pos x="connsiteX179" y="connsiteY179"/>
              </a:cxn>
              <a:cxn ang="0">
                <a:pos x="connsiteX180" y="connsiteY180"/>
              </a:cxn>
              <a:cxn ang="0">
                <a:pos x="connsiteX181" y="connsiteY181"/>
              </a:cxn>
              <a:cxn ang="0">
                <a:pos x="connsiteX182" y="connsiteY182"/>
              </a:cxn>
              <a:cxn ang="0">
                <a:pos x="connsiteX183" y="connsiteY183"/>
              </a:cxn>
              <a:cxn ang="0">
                <a:pos x="connsiteX184" y="connsiteY184"/>
              </a:cxn>
              <a:cxn ang="0">
                <a:pos x="connsiteX185" y="connsiteY185"/>
              </a:cxn>
              <a:cxn ang="0">
                <a:pos x="connsiteX186" y="connsiteY186"/>
              </a:cxn>
              <a:cxn ang="0">
                <a:pos x="connsiteX187" y="connsiteY187"/>
              </a:cxn>
              <a:cxn ang="0">
                <a:pos x="connsiteX188" y="connsiteY188"/>
              </a:cxn>
              <a:cxn ang="0">
                <a:pos x="connsiteX189" y="connsiteY189"/>
              </a:cxn>
              <a:cxn ang="0">
                <a:pos x="connsiteX190" y="connsiteY190"/>
              </a:cxn>
              <a:cxn ang="0">
                <a:pos x="connsiteX191" y="connsiteY191"/>
              </a:cxn>
              <a:cxn ang="0">
                <a:pos x="connsiteX192" y="connsiteY192"/>
              </a:cxn>
              <a:cxn ang="0">
                <a:pos x="connsiteX193" y="connsiteY193"/>
              </a:cxn>
              <a:cxn ang="0">
                <a:pos x="connsiteX194" y="connsiteY194"/>
              </a:cxn>
              <a:cxn ang="0">
                <a:pos x="connsiteX195" y="connsiteY195"/>
              </a:cxn>
              <a:cxn ang="0">
                <a:pos x="connsiteX196" y="connsiteY196"/>
              </a:cxn>
              <a:cxn ang="0">
                <a:pos x="connsiteX197" y="connsiteY197"/>
              </a:cxn>
              <a:cxn ang="0">
                <a:pos x="connsiteX198" y="connsiteY198"/>
              </a:cxn>
              <a:cxn ang="0">
                <a:pos x="connsiteX199" y="connsiteY199"/>
              </a:cxn>
              <a:cxn ang="0">
                <a:pos x="connsiteX200" y="connsiteY200"/>
              </a:cxn>
              <a:cxn ang="0">
                <a:pos x="connsiteX201" y="connsiteY201"/>
              </a:cxn>
              <a:cxn ang="0">
                <a:pos x="connsiteX202" y="connsiteY202"/>
              </a:cxn>
              <a:cxn ang="0">
                <a:pos x="connsiteX203" y="connsiteY203"/>
              </a:cxn>
              <a:cxn ang="0">
                <a:pos x="connsiteX204" y="connsiteY204"/>
              </a:cxn>
              <a:cxn ang="0">
                <a:pos x="connsiteX205" y="connsiteY205"/>
              </a:cxn>
              <a:cxn ang="0">
                <a:pos x="connsiteX206" y="connsiteY206"/>
              </a:cxn>
              <a:cxn ang="0">
                <a:pos x="connsiteX207" y="connsiteY207"/>
              </a:cxn>
              <a:cxn ang="0">
                <a:pos x="connsiteX208" y="connsiteY208"/>
              </a:cxn>
              <a:cxn ang="0">
                <a:pos x="connsiteX209" y="connsiteY209"/>
              </a:cxn>
              <a:cxn ang="0">
                <a:pos x="connsiteX210" y="connsiteY210"/>
              </a:cxn>
              <a:cxn ang="0">
                <a:pos x="connsiteX211" y="connsiteY211"/>
              </a:cxn>
              <a:cxn ang="0">
                <a:pos x="connsiteX212" y="connsiteY212"/>
              </a:cxn>
              <a:cxn ang="0">
                <a:pos x="connsiteX213" y="connsiteY213"/>
              </a:cxn>
              <a:cxn ang="0">
                <a:pos x="connsiteX214" y="connsiteY214"/>
              </a:cxn>
              <a:cxn ang="0">
                <a:pos x="connsiteX215" y="connsiteY215"/>
              </a:cxn>
              <a:cxn ang="0">
                <a:pos x="connsiteX216" y="connsiteY216"/>
              </a:cxn>
              <a:cxn ang="0">
                <a:pos x="connsiteX217" y="connsiteY217"/>
              </a:cxn>
              <a:cxn ang="0">
                <a:pos x="connsiteX218" y="connsiteY218"/>
              </a:cxn>
              <a:cxn ang="0">
                <a:pos x="connsiteX219" y="connsiteY219"/>
              </a:cxn>
              <a:cxn ang="0">
                <a:pos x="connsiteX220" y="connsiteY220"/>
              </a:cxn>
              <a:cxn ang="0">
                <a:pos x="connsiteX221" y="connsiteY221"/>
              </a:cxn>
              <a:cxn ang="0">
                <a:pos x="connsiteX222" y="connsiteY222"/>
              </a:cxn>
              <a:cxn ang="0">
                <a:pos x="connsiteX223" y="connsiteY223"/>
              </a:cxn>
              <a:cxn ang="0">
                <a:pos x="connsiteX224" y="connsiteY224"/>
              </a:cxn>
              <a:cxn ang="0">
                <a:pos x="connsiteX225" y="connsiteY225"/>
              </a:cxn>
              <a:cxn ang="0">
                <a:pos x="connsiteX226" y="connsiteY226"/>
              </a:cxn>
              <a:cxn ang="0">
                <a:pos x="connsiteX227" y="connsiteY227"/>
              </a:cxn>
              <a:cxn ang="0">
                <a:pos x="connsiteX228" y="connsiteY228"/>
              </a:cxn>
              <a:cxn ang="0">
                <a:pos x="connsiteX229" y="connsiteY229"/>
              </a:cxn>
              <a:cxn ang="0">
                <a:pos x="connsiteX230" y="connsiteY230"/>
              </a:cxn>
              <a:cxn ang="0">
                <a:pos x="connsiteX231" y="connsiteY231"/>
              </a:cxn>
              <a:cxn ang="0">
                <a:pos x="connsiteX232" y="connsiteY232"/>
              </a:cxn>
              <a:cxn ang="0">
                <a:pos x="connsiteX233" y="connsiteY233"/>
              </a:cxn>
              <a:cxn ang="0">
                <a:pos x="connsiteX234" y="connsiteY234"/>
              </a:cxn>
              <a:cxn ang="0">
                <a:pos x="connsiteX235" y="connsiteY235"/>
              </a:cxn>
              <a:cxn ang="0">
                <a:pos x="connsiteX236" y="connsiteY236"/>
              </a:cxn>
              <a:cxn ang="0">
                <a:pos x="connsiteX237" y="connsiteY237"/>
              </a:cxn>
              <a:cxn ang="0">
                <a:pos x="connsiteX238" y="connsiteY238"/>
              </a:cxn>
              <a:cxn ang="0">
                <a:pos x="connsiteX239" y="connsiteY239"/>
              </a:cxn>
              <a:cxn ang="0">
                <a:pos x="connsiteX240" y="connsiteY240"/>
              </a:cxn>
              <a:cxn ang="0">
                <a:pos x="connsiteX241" y="connsiteY241"/>
              </a:cxn>
              <a:cxn ang="0">
                <a:pos x="connsiteX242" y="connsiteY242"/>
              </a:cxn>
              <a:cxn ang="0">
                <a:pos x="connsiteX243" y="connsiteY243"/>
              </a:cxn>
              <a:cxn ang="0">
                <a:pos x="connsiteX244" y="connsiteY244"/>
              </a:cxn>
              <a:cxn ang="0">
                <a:pos x="connsiteX245" y="connsiteY245"/>
              </a:cxn>
              <a:cxn ang="0">
                <a:pos x="connsiteX246" y="connsiteY246"/>
              </a:cxn>
              <a:cxn ang="0">
                <a:pos x="connsiteX247" y="connsiteY247"/>
              </a:cxn>
              <a:cxn ang="0">
                <a:pos x="connsiteX248" y="connsiteY248"/>
              </a:cxn>
              <a:cxn ang="0">
                <a:pos x="connsiteX249" y="connsiteY249"/>
              </a:cxn>
              <a:cxn ang="0">
                <a:pos x="connsiteX250" y="connsiteY250"/>
              </a:cxn>
              <a:cxn ang="0">
                <a:pos x="connsiteX251" y="connsiteY251"/>
              </a:cxn>
              <a:cxn ang="0">
                <a:pos x="connsiteX252" y="connsiteY252"/>
              </a:cxn>
              <a:cxn ang="0">
                <a:pos x="connsiteX253" y="connsiteY253"/>
              </a:cxn>
              <a:cxn ang="0">
                <a:pos x="connsiteX254" y="connsiteY254"/>
              </a:cxn>
              <a:cxn ang="0">
                <a:pos x="connsiteX255" y="connsiteY255"/>
              </a:cxn>
              <a:cxn ang="0">
                <a:pos x="connsiteX256" y="connsiteY256"/>
              </a:cxn>
              <a:cxn ang="0">
                <a:pos x="connsiteX257" y="connsiteY257"/>
              </a:cxn>
              <a:cxn ang="0">
                <a:pos x="connsiteX258" y="connsiteY258"/>
              </a:cxn>
              <a:cxn ang="0">
                <a:pos x="connsiteX259" y="connsiteY259"/>
              </a:cxn>
              <a:cxn ang="0">
                <a:pos x="connsiteX260" y="connsiteY260"/>
              </a:cxn>
              <a:cxn ang="0">
                <a:pos x="connsiteX261" y="connsiteY261"/>
              </a:cxn>
              <a:cxn ang="0">
                <a:pos x="connsiteX262" y="connsiteY262"/>
              </a:cxn>
              <a:cxn ang="0">
                <a:pos x="connsiteX263" y="connsiteY263"/>
              </a:cxn>
              <a:cxn ang="0">
                <a:pos x="connsiteX264" y="connsiteY264"/>
              </a:cxn>
              <a:cxn ang="0">
                <a:pos x="connsiteX265" y="connsiteY265"/>
              </a:cxn>
              <a:cxn ang="0">
                <a:pos x="connsiteX266" y="connsiteY266"/>
              </a:cxn>
              <a:cxn ang="0">
                <a:pos x="connsiteX267" y="connsiteY267"/>
              </a:cxn>
              <a:cxn ang="0">
                <a:pos x="connsiteX268" y="connsiteY268"/>
              </a:cxn>
              <a:cxn ang="0">
                <a:pos x="connsiteX269" y="connsiteY269"/>
              </a:cxn>
              <a:cxn ang="0">
                <a:pos x="connsiteX270" y="connsiteY270"/>
              </a:cxn>
              <a:cxn ang="0">
                <a:pos x="connsiteX271" y="connsiteY271"/>
              </a:cxn>
              <a:cxn ang="0">
                <a:pos x="connsiteX272" y="connsiteY272"/>
              </a:cxn>
              <a:cxn ang="0">
                <a:pos x="connsiteX273" y="connsiteY273"/>
              </a:cxn>
              <a:cxn ang="0">
                <a:pos x="connsiteX274" y="connsiteY274"/>
              </a:cxn>
              <a:cxn ang="0">
                <a:pos x="connsiteX275" y="connsiteY275"/>
              </a:cxn>
              <a:cxn ang="0">
                <a:pos x="connsiteX276" y="connsiteY276"/>
              </a:cxn>
              <a:cxn ang="0">
                <a:pos x="connsiteX277" y="connsiteY277"/>
              </a:cxn>
              <a:cxn ang="0">
                <a:pos x="connsiteX278" y="connsiteY278"/>
              </a:cxn>
              <a:cxn ang="0">
                <a:pos x="connsiteX279" y="connsiteY279"/>
              </a:cxn>
              <a:cxn ang="0">
                <a:pos x="connsiteX280" y="connsiteY280"/>
              </a:cxn>
              <a:cxn ang="0">
                <a:pos x="connsiteX281" y="connsiteY281"/>
              </a:cxn>
              <a:cxn ang="0">
                <a:pos x="connsiteX282" y="connsiteY282"/>
              </a:cxn>
              <a:cxn ang="0">
                <a:pos x="connsiteX283" y="connsiteY283"/>
              </a:cxn>
              <a:cxn ang="0">
                <a:pos x="connsiteX284" y="connsiteY284"/>
              </a:cxn>
              <a:cxn ang="0">
                <a:pos x="connsiteX285" y="connsiteY285"/>
              </a:cxn>
              <a:cxn ang="0">
                <a:pos x="connsiteX286" y="connsiteY286"/>
              </a:cxn>
              <a:cxn ang="0">
                <a:pos x="connsiteX287" y="connsiteY287"/>
              </a:cxn>
              <a:cxn ang="0">
                <a:pos x="connsiteX288" y="connsiteY288"/>
              </a:cxn>
              <a:cxn ang="0">
                <a:pos x="connsiteX289" y="connsiteY289"/>
              </a:cxn>
              <a:cxn ang="0">
                <a:pos x="connsiteX290" y="connsiteY290"/>
              </a:cxn>
              <a:cxn ang="0">
                <a:pos x="connsiteX291" y="connsiteY291"/>
              </a:cxn>
              <a:cxn ang="0">
                <a:pos x="connsiteX292" y="connsiteY292"/>
              </a:cxn>
              <a:cxn ang="0">
                <a:pos x="connsiteX293" y="connsiteY293"/>
              </a:cxn>
              <a:cxn ang="0">
                <a:pos x="connsiteX294" y="connsiteY294"/>
              </a:cxn>
              <a:cxn ang="0">
                <a:pos x="connsiteX295" y="connsiteY295"/>
              </a:cxn>
              <a:cxn ang="0">
                <a:pos x="connsiteX296" y="connsiteY296"/>
              </a:cxn>
              <a:cxn ang="0">
                <a:pos x="connsiteX297" y="connsiteY297"/>
              </a:cxn>
              <a:cxn ang="0">
                <a:pos x="connsiteX298" y="connsiteY298"/>
              </a:cxn>
              <a:cxn ang="0">
                <a:pos x="connsiteX299" y="connsiteY299"/>
              </a:cxn>
              <a:cxn ang="0">
                <a:pos x="connsiteX300" y="connsiteY300"/>
              </a:cxn>
              <a:cxn ang="0">
                <a:pos x="connsiteX301" y="connsiteY301"/>
              </a:cxn>
              <a:cxn ang="0">
                <a:pos x="connsiteX302" y="connsiteY302"/>
              </a:cxn>
              <a:cxn ang="0">
                <a:pos x="connsiteX303" y="connsiteY303"/>
              </a:cxn>
              <a:cxn ang="0">
                <a:pos x="connsiteX304" y="connsiteY304"/>
              </a:cxn>
              <a:cxn ang="0">
                <a:pos x="connsiteX305" y="connsiteY305"/>
              </a:cxn>
              <a:cxn ang="0">
                <a:pos x="connsiteX306" y="connsiteY306"/>
              </a:cxn>
              <a:cxn ang="0">
                <a:pos x="connsiteX307" y="connsiteY307"/>
              </a:cxn>
              <a:cxn ang="0">
                <a:pos x="connsiteX308" y="connsiteY308"/>
              </a:cxn>
              <a:cxn ang="0">
                <a:pos x="connsiteX309" y="connsiteY309"/>
              </a:cxn>
              <a:cxn ang="0">
                <a:pos x="connsiteX310" y="connsiteY310"/>
              </a:cxn>
              <a:cxn ang="0">
                <a:pos x="connsiteX311" y="connsiteY311"/>
              </a:cxn>
              <a:cxn ang="0">
                <a:pos x="connsiteX312" y="connsiteY312"/>
              </a:cxn>
              <a:cxn ang="0">
                <a:pos x="connsiteX313" y="connsiteY313"/>
              </a:cxn>
              <a:cxn ang="0">
                <a:pos x="connsiteX314" y="connsiteY314"/>
              </a:cxn>
              <a:cxn ang="0">
                <a:pos x="connsiteX315" y="connsiteY315"/>
              </a:cxn>
              <a:cxn ang="0">
                <a:pos x="connsiteX316" y="connsiteY316"/>
              </a:cxn>
              <a:cxn ang="0">
                <a:pos x="connsiteX317" y="connsiteY317"/>
              </a:cxn>
              <a:cxn ang="0">
                <a:pos x="connsiteX318" y="connsiteY318"/>
              </a:cxn>
              <a:cxn ang="0">
                <a:pos x="connsiteX319" y="connsiteY319"/>
              </a:cxn>
              <a:cxn ang="0">
                <a:pos x="connsiteX320" y="connsiteY320"/>
              </a:cxn>
              <a:cxn ang="0">
                <a:pos x="connsiteX321" y="connsiteY321"/>
              </a:cxn>
              <a:cxn ang="0">
                <a:pos x="connsiteX322" y="connsiteY322"/>
              </a:cxn>
              <a:cxn ang="0">
                <a:pos x="connsiteX323" y="connsiteY323"/>
              </a:cxn>
              <a:cxn ang="0">
                <a:pos x="connsiteX324" y="connsiteY324"/>
              </a:cxn>
              <a:cxn ang="0">
                <a:pos x="connsiteX325" y="connsiteY325"/>
              </a:cxn>
              <a:cxn ang="0">
                <a:pos x="connsiteX326" y="connsiteY326"/>
              </a:cxn>
              <a:cxn ang="0">
                <a:pos x="connsiteX327" y="connsiteY327"/>
              </a:cxn>
              <a:cxn ang="0">
                <a:pos x="connsiteX328" y="connsiteY328"/>
              </a:cxn>
              <a:cxn ang="0">
                <a:pos x="connsiteX329" y="connsiteY329"/>
              </a:cxn>
              <a:cxn ang="0">
                <a:pos x="connsiteX330" y="connsiteY330"/>
              </a:cxn>
              <a:cxn ang="0">
                <a:pos x="connsiteX331" y="connsiteY331"/>
              </a:cxn>
              <a:cxn ang="0">
                <a:pos x="connsiteX332" y="connsiteY332"/>
              </a:cxn>
              <a:cxn ang="0">
                <a:pos x="connsiteX333" y="connsiteY333"/>
              </a:cxn>
              <a:cxn ang="0">
                <a:pos x="connsiteX334" y="connsiteY334"/>
              </a:cxn>
              <a:cxn ang="0">
                <a:pos x="connsiteX335" y="connsiteY335"/>
              </a:cxn>
              <a:cxn ang="0">
                <a:pos x="connsiteX336" y="connsiteY336"/>
              </a:cxn>
              <a:cxn ang="0">
                <a:pos x="connsiteX337" y="connsiteY337"/>
              </a:cxn>
              <a:cxn ang="0">
                <a:pos x="connsiteX338" y="connsiteY338"/>
              </a:cxn>
              <a:cxn ang="0">
                <a:pos x="connsiteX339" y="connsiteY339"/>
              </a:cxn>
              <a:cxn ang="0">
                <a:pos x="connsiteX340" y="connsiteY340"/>
              </a:cxn>
              <a:cxn ang="0">
                <a:pos x="connsiteX341" y="connsiteY341"/>
              </a:cxn>
              <a:cxn ang="0">
                <a:pos x="connsiteX342" y="connsiteY342"/>
              </a:cxn>
              <a:cxn ang="0">
                <a:pos x="connsiteX343" y="connsiteY343"/>
              </a:cxn>
              <a:cxn ang="0">
                <a:pos x="connsiteX344" y="connsiteY344"/>
              </a:cxn>
              <a:cxn ang="0">
                <a:pos x="connsiteX345" y="connsiteY345"/>
              </a:cxn>
              <a:cxn ang="0">
                <a:pos x="connsiteX346" y="connsiteY346"/>
              </a:cxn>
              <a:cxn ang="0">
                <a:pos x="connsiteX347" y="connsiteY347"/>
              </a:cxn>
              <a:cxn ang="0">
                <a:pos x="connsiteX348" y="connsiteY348"/>
              </a:cxn>
              <a:cxn ang="0">
                <a:pos x="connsiteX349" y="connsiteY349"/>
              </a:cxn>
              <a:cxn ang="0">
                <a:pos x="connsiteX350" y="connsiteY350"/>
              </a:cxn>
              <a:cxn ang="0">
                <a:pos x="connsiteX351" y="connsiteY351"/>
              </a:cxn>
              <a:cxn ang="0">
                <a:pos x="connsiteX352" y="connsiteY352"/>
              </a:cxn>
              <a:cxn ang="0">
                <a:pos x="connsiteX353" y="connsiteY353"/>
              </a:cxn>
              <a:cxn ang="0">
                <a:pos x="connsiteX354" y="connsiteY354"/>
              </a:cxn>
              <a:cxn ang="0">
                <a:pos x="connsiteX355" y="connsiteY355"/>
              </a:cxn>
              <a:cxn ang="0">
                <a:pos x="connsiteX356" y="connsiteY356"/>
              </a:cxn>
              <a:cxn ang="0">
                <a:pos x="connsiteX357" y="connsiteY357"/>
              </a:cxn>
              <a:cxn ang="0">
                <a:pos x="connsiteX358" y="connsiteY358"/>
              </a:cxn>
              <a:cxn ang="0">
                <a:pos x="connsiteX359" y="connsiteY359"/>
              </a:cxn>
              <a:cxn ang="0">
                <a:pos x="connsiteX360" y="connsiteY360"/>
              </a:cxn>
              <a:cxn ang="0">
                <a:pos x="connsiteX361" y="connsiteY361"/>
              </a:cxn>
              <a:cxn ang="0">
                <a:pos x="connsiteX362" y="connsiteY362"/>
              </a:cxn>
              <a:cxn ang="0">
                <a:pos x="connsiteX363" y="connsiteY363"/>
              </a:cxn>
              <a:cxn ang="0">
                <a:pos x="connsiteX364" y="connsiteY364"/>
              </a:cxn>
              <a:cxn ang="0">
                <a:pos x="connsiteX365" y="connsiteY365"/>
              </a:cxn>
              <a:cxn ang="0">
                <a:pos x="connsiteX366" y="connsiteY366"/>
              </a:cxn>
              <a:cxn ang="0">
                <a:pos x="connsiteX367" y="connsiteY367"/>
              </a:cxn>
              <a:cxn ang="0">
                <a:pos x="connsiteX368" y="connsiteY368"/>
              </a:cxn>
              <a:cxn ang="0">
                <a:pos x="connsiteX369" y="connsiteY369"/>
              </a:cxn>
              <a:cxn ang="0">
                <a:pos x="connsiteX370" y="connsiteY370"/>
              </a:cxn>
              <a:cxn ang="0">
                <a:pos x="connsiteX371" y="connsiteY371"/>
              </a:cxn>
              <a:cxn ang="0">
                <a:pos x="connsiteX372" y="connsiteY372"/>
              </a:cxn>
              <a:cxn ang="0">
                <a:pos x="connsiteX373" y="connsiteY373"/>
              </a:cxn>
              <a:cxn ang="0">
                <a:pos x="connsiteX374" y="connsiteY374"/>
              </a:cxn>
              <a:cxn ang="0">
                <a:pos x="connsiteX375" y="connsiteY375"/>
              </a:cxn>
              <a:cxn ang="0">
                <a:pos x="connsiteX376" y="connsiteY376"/>
              </a:cxn>
              <a:cxn ang="0">
                <a:pos x="connsiteX377" y="connsiteY377"/>
              </a:cxn>
              <a:cxn ang="0">
                <a:pos x="connsiteX378" y="connsiteY378"/>
              </a:cxn>
              <a:cxn ang="0">
                <a:pos x="connsiteX379" y="connsiteY379"/>
              </a:cxn>
              <a:cxn ang="0">
                <a:pos x="connsiteX380" y="connsiteY380"/>
              </a:cxn>
              <a:cxn ang="0">
                <a:pos x="connsiteX381" y="connsiteY381"/>
              </a:cxn>
              <a:cxn ang="0">
                <a:pos x="connsiteX382" y="connsiteY382"/>
              </a:cxn>
              <a:cxn ang="0">
                <a:pos x="connsiteX383" y="connsiteY383"/>
              </a:cxn>
              <a:cxn ang="0">
                <a:pos x="connsiteX384" y="connsiteY384"/>
              </a:cxn>
              <a:cxn ang="0">
                <a:pos x="connsiteX385" y="connsiteY385"/>
              </a:cxn>
              <a:cxn ang="0">
                <a:pos x="connsiteX386" y="connsiteY386"/>
              </a:cxn>
              <a:cxn ang="0">
                <a:pos x="connsiteX387" y="connsiteY387"/>
              </a:cxn>
              <a:cxn ang="0">
                <a:pos x="connsiteX388" y="connsiteY388"/>
              </a:cxn>
              <a:cxn ang="0">
                <a:pos x="connsiteX389" y="connsiteY389"/>
              </a:cxn>
              <a:cxn ang="0">
                <a:pos x="connsiteX390" y="connsiteY390"/>
              </a:cxn>
              <a:cxn ang="0">
                <a:pos x="connsiteX391" y="connsiteY391"/>
              </a:cxn>
              <a:cxn ang="0">
                <a:pos x="connsiteX392" y="connsiteY392"/>
              </a:cxn>
              <a:cxn ang="0">
                <a:pos x="connsiteX393" y="connsiteY393"/>
              </a:cxn>
              <a:cxn ang="0">
                <a:pos x="connsiteX394" y="connsiteY394"/>
              </a:cxn>
              <a:cxn ang="0">
                <a:pos x="connsiteX395" y="connsiteY395"/>
              </a:cxn>
              <a:cxn ang="0">
                <a:pos x="connsiteX396" y="connsiteY396"/>
              </a:cxn>
            </a:cxnLst>
            <a:rect l="l" t="t" r="r" b="b"/>
            <a:pathLst>
              <a:path w="4172535" h="5613023">
                <a:moveTo>
                  <a:pt x="62272" y="4346544"/>
                </a:moveTo>
                <a:lnTo>
                  <a:pt x="0" y="4454402"/>
                </a:lnTo>
                <a:lnTo>
                  <a:pt x="18829" y="4465272"/>
                </a:lnTo>
                <a:close/>
                <a:moveTo>
                  <a:pt x="227587" y="4060210"/>
                </a:moveTo>
                <a:lnTo>
                  <a:pt x="168293" y="4162910"/>
                </a:lnTo>
                <a:lnTo>
                  <a:pt x="112739" y="4351897"/>
                </a:lnTo>
                <a:lnTo>
                  <a:pt x="62003" y="4490199"/>
                </a:lnTo>
                <a:lnTo>
                  <a:pt x="84982" y="4503466"/>
                </a:lnTo>
                <a:lnTo>
                  <a:pt x="124252" y="4399870"/>
                </a:lnTo>
                <a:cubicBezTo>
                  <a:pt x="144185" y="4343503"/>
                  <a:pt x="162846" y="4286716"/>
                  <a:pt x="180222" y="4229554"/>
                </a:cubicBezTo>
                <a:close/>
                <a:moveTo>
                  <a:pt x="349361" y="3849291"/>
                </a:moveTo>
                <a:lnTo>
                  <a:pt x="307256" y="3922220"/>
                </a:lnTo>
                <a:lnTo>
                  <a:pt x="283428" y="4040264"/>
                </a:lnTo>
                <a:cubicBezTo>
                  <a:pt x="255097" y="4154631"/>
                  <a:pt x="221773" y="4267762"/>
                  <a:pt x="183540" y="4379328"/>
                </a:cubicBezTo>
                <a:lnTo>
                  <a:pt x="128676" y="4528693"/>
                </a:lnTo>
                <a:lnTo>
                  <a:pt x="152243" y="4542299"/>
                </a:lnTo>
                <a:lnTo>
                  <a:pt x="209006" y="4387761"/>
                </a:lnTo>
                <a:cubicBezTo>
                  <a:pt x="247493" y="4275456"/>
                  <a:pt x="281039" y="4161575"/>
                  <a:pt x="309560" y="4046452"/>
                </a:cubicBezTo>
                <a:close/>
                <a:moveTo>
                  <a:pt x="460489" y="3656812"/>
                </a:moveTo>
                <a:lnTo>
                  <a:pt x="425731" y="3717014"/>
                </a:lnTo>
                <a:lnTo>
                  <a:pt x="423446" y="3733199"/>
                </a:lnTo>
                <a:cubicBezTo>
                  <a:pt x="383844" y="3974709"/>
                  <a:pt x="322832" y="4212246"/>
                  <a:pt x="241141" y="4442964"/>
                </a:cubicBezTo>
                <a:lnTo>
                  <a:pt x="194261" y="4566558"/>
                </a:lnTo>
                <a:lnTo>
                  <a:pt x="218622" y="4580623"/>
                </a:lnTo>
                <a:lnTo>
                  <a:pt x="279664" y="4414785"/>
                </a:lnTo>
                <a:cubicBezTo>
                  <a:pt x="358017" y="4186702"/>
                  <a:pt x="416350" y="3952217"/>
                  <a:pt x="453991" y="3714024"/>
                </a:cubicBezTo>
                <a:close/>
                <a:moveTo>
                  <a:pt x="558967" y="3486243"/>
                </a:moveTo>
                <a:lnTo>
                  <a:pt x="521924" y="3550404"/>
                </a:lnTo>
                <a:lnTo>
                  <a:pt x="501745" y="3726361"/>
                </a:lnTo>
                <a:cubicBezTo>
                  <a:pt x="453966" y="4026808"/>
                  <a:pt x="373645" y="4321392"/>
                  <a:pt x="262099" y="4604829"/>
                </a:cubicBezTo>
                <a:lnTo>
                  <a:pt x="261797" y="4605550"/>
                </a:lnTo>
                <a:lnTo>
                  <a:pt x="284764" y="4618810"/>
                </a:lnTo>
                <a:lnTo>
                  <a:pt x="338219" y="4477990"/>
                </a:lnTo>
                <a:cubicBezTo>
                  <a:pt x="442603" y="4183452"/>
                  <a:pt x="514051" y="3878042"/>
                  <a:pt x="551110" y="3567414"/>
                </a:cubicBezTo>
                <a:close/>
                <a:moveTo>
                  <a:pt x="646622" y="3334420"/>
                </a:moveTo>
                <a:lnTo>
                  <a:pt x="617832" y="3384285"/>
                </a:lnTo>
                <a:lnTo>
                  <a:pt x="617588" y="3388871"/>
                </a:lnTo>
                <a:cubicBezTo>
                  <a:pt x="589020" y="3766878"/>
                  <a:pt x="510294" y="4138921"/>
                  <a:pt x="383935" y="4495223"/>
                </a:cubicBezTo>
                <a:lnTo>
                  <a:pt x="327609" y="4643547"/>
                </a:lnTo>
                <a:lnTo>
                  <a:pt x="351451" y="4657312"/>
                </a:lnTo>
                <a:lnTo>
                  <a:pt x="356846" y="4644448"/>
                </a:lnTo>
                <a:cubicBezTo>
                  <a:pt x="516649" y="4238995"/>
                  <a:pt x="614079" y="3811232"/>
                  <a:pt x="645446" y="3375903"/>
                </a:cubicBezTo>
                <a:close/>
                <a:moveTo>
                  <a:pt x="730691" y="3188808"/>
                </a:moveTo>
                <a:lnTo>
                  <a:pt x="701380" y="3239577"/>
                </a:lnTo>
                <a:lnTo>
                  <a:pt x="693921" y="3384923"/>
                </a:lnTo>
                <a:cubicBezTo>
                  <a:pt x="661804" y="3824129"/>
                  <a:pt x="563172" y="4255651"/>
                  <a:pt x="401748" y="4664677"/>
                </a:cubicBezTo>
                <a:lnTo>
                  <a:pt x="394422" y="4682121"/>
                </a:lnTo>
                <a:lnTo>
                  <a:pt x="417745" y="4695587"/>
                </a:lnTo>
                <a:lnTo>
                  <a:pt x="426742" y="4674163"/>
                </a:lnTo>
                <a:cubicBezTo>
                  <a:pt x="612382" y="4203867"/>
                  <a:pt x="715539" y="3704014"/>
                  <a:pt x="730628" y="3196832"/>
                </a:cubicBezTo>
                <a:close/>
                <a:moveTo>
                  <a:pt x="807330" y="3056065"/>
                </a:moveTo>
                <a:lnTo>
                  <a:pt x="780192" y="3103069"/>
                </a:lnTo>
                <a:lnTo>
                  <a:pt x="779253" y="3204287"/>
                </a:lnTo>
                <a:cubicBezTo>
                  <a:pt x="763386" y="3715968"/>
                  <a:pt x="658861" y="4220168"/>
                  <a:pt x="471308" y="4694560"/>
                </a:cubicBezTo>
                <a:lnTo>
                  <a:pt x="460496" y="4720269"/>
                </a:lnTo>
                <a:lnTo>
                  <a:pt x="483934" y="4733801"/>
                </a:lnTo>
                <a:lnTo>
                  <a:pt x="496454" y="4704018"/>
                </a:lnTo>
                <a:cubicBezTo>
                  <a:pt x="685027" y="4226749"/>
                  <a:pt x="790086" y="3719516"/>
                  <a:pt x="805972" y="3204773"/>
                </a:cubicBezTo>
                <a:close/>
                <a:moveTo>
                  <a:pt x="880907" y="2928626"/>
                </a:moveTo>
                <a:lnTo>
                  <a:pt x="855645" y="2972382"/>
                </a:lnTo>
                <a:lnTo>
                  <a:pt x="857303" y="3024249"/>
                </a:lnTo>
                <a:cubicBezTo>
                  <a:pt x="863162" y="3620077"/>
                  <a:pt x="750524" y="4209257"/>
                  <a:pt x="528139" y="4758033"/>
                </a:cubicBezTo>
                <a:lnTo>
                  <a:pt x="527694" y="4759066"/>
                </a:lnTo>
                <a:lnTo>
                  <a:pt x="550219" y="4772071"/>
                </a:lnTo>
                <a:lnTo>
                  <a:pt x="566273" y="4733930"/>
                </a:lnTo>
                <a:cubicBezTo>
                  <a:pt x="781830" y="4189220"/>
                  <a:pt x="890396" y="3606052"/>
                  <a:pt x="883807" y="3016712"/>
                </a:cubicBezTo>
                <a:close/>
                <a:moveTo>
                  <a:pt x="951864" y="2805726"/>
                </a:moveTo>
                <a:lnTo>
                  <a:pt x="927413" y="2848077"/>
                </a:lnTo>
                <a:lnTo>
                  <a:pt x="932896" y="3022413"/>
                </a:lnTo>
                <a:cubicBezTo>
                  <a:pt x="938703" y="3616858"/>
                  <a:pt x="828648" y="4204948"/>
                  <a:pt x="610957" y="4754281"/>
                </a:cubicBezTo>
                <a:lnTo>
                  <a:pt x="593042" y="4796794"/>
                </a:lnTo>
                <a:lnTo>
                  <a:pt x="616824" y="4810525"/>
                </a:lnTo>
                <a:lnTo>
                  <a:pt x="622931" y="4796343"/>
                </a:lnTo>
                <a:cubicBezTo>
                  <a:pt x="874748" y="4174438"/>
                  <a:pt x="988937" y="3501891"/>
                  <a:pt x="953346" y="2825539"/>
                </a:cubicBezTo>
                <a:close/>
                <a:moveTo>
                  <a:pt x="1019429" y="2688699"/>
                </a:moveTo>
                <a:lnTo>
                  <a:pt x="995719" y="2729766"/>
                </a:lnTo>
                <a:lnTo>
                  <a:pt x="1003014" y="2828894"/>
                </a:lnTo>
                <a:cubicBezTo>
                  <a:pt x="1037943" y="3509598"/>
                  <a:pt x="921637" y="4187546"/>
                  <a:pt x="667785" y="4814483"/>
                </a:cubicBezTo>
                <a:lnTo>
                  <a:pt x="659007" y="4834879"/>
                </a:lnTo>
                <a:lnTo>
                  <a:pt x="682690" y="4848553"/>
                </a:lnTo>
                <a:lnTo>
                  <a:pt x="705857" y="4793626"/>
                </a:lnTo>
                <a:cubicBezTo>
                  <a:pt x="952857" y="4170980"/>
                  <a:pt x="1064551" y="3499551"/>
                  <a:pt x="1029449" y="2824510"/>
                </a:cubicBezTo>
                <a:close/>
                <a:moveTo>
                  <a:pt x="1087606" y="2570614"/>
                </a:moveTo>
                <a:lnTo>
                  <a:pt x="1063055" y="2613137"/>
                </a:lnTo>
                <a:lnTo>
                  <a:pt x="1063756" y="2624143"/>
                </a:lnTo>
                <a:cubicBezTo>
                  <a:pt x="1134355" y="3373136"/>
                  <a:pt x="1024893" y="4123028"/>
                  <a:pt x="750752" y="4813477"/>
                </a:cubicBezTo>
                <a:lnTo>
                  <a:pt x="725512" y="4873276"/>
                </a:lnTo>
                <a:lnTo>
                  <a:pt x="748940" y="4886803"/>
                </a:lnTo>
                <a:lnTo>
                  <a:pt x="775752" y="4823294"/>
                </a:lnTo>
                <a:cubicBezTo>
                  <a:pt x="1051555" y="4128849"/>
                  <a:pt x="1161743" y="3374606"/>
                  <a:pt x="1090844" y="2621241"/>
                </a:cubicBezTo>
                <a:close/>
                <a:moveTo>
                  <a:pt x="1156978" y="2450457"/>
                </a:moveTo>
                <a:lnTo>
                  <a:pt x="1131997" y="2493726"/>
                </a:lnTo>
                <a:lnTo>
                  <a:pt x="1140222" y="2623449"/>
                </a:lnTo>
                <a:cubicBezTo>
                  <a:pt x="1211959" y="3393608"/>
                  <a:pt x="1096125" y="4164263"/>
                  <a:pt x="809298" y="4871887"/>
                </a:cubicBezTo>
                <a:lnTo>
                  <a:pt x="792129" y="4911737"/>
                </a:lnTo>
                <a:lnTo>
                  <a:pt x="815134" y="4925020"/>
                </a:lnTo>
                <a:lnTo>
                  <a:pt x="845537" y="4853078"/>
                </a:lnTo>
                <a:cubicBezTo>
                  <a:pt x="1125444" y="4149125"/>
                  <a:pt x="1237820" y="3384594"/>
                  <a:pt x="1166995" y="2620736"/>
                </a:cubicBezTo>
                <a:cubicBezTo>
                  <a:pt x="1160937" y="2566546"/>
                  <a:pt x="1157539" y="2512632"/>
                  <a:pt x="1156702" y="2459128"/>
                </a:cubicBezTo>
                <a:close/>
                <a:moveTo>
                  <a:pt x="1238758" y="2308811"/>
                </a:moveTo>
                <a:lnTo>
                  <a:pt x="1209588" y="2359334"/>
                </a:lnTo>
                <a:lnTo>
                  <a:pt x="1207057" y="2478050"/>
                </a:lnTo>
                <a:cubicBezTo>
                  <a:pt x="1208160" y="2526259"/>
                  <a:pt x="1211401" y="2574560"/>
                  <a:pt x="1216815" y="2622818"/>
                </a:cubicBezTo>
                <a:cubicBezTo>
                  <a:pt x="1287093" y="3393013"/>
                  <a:pt x="1173072" y="4163651"/>
                  <a:pt x="890528" y="4873252"/>
                </a:cubicBezTo>
                <a:lnTo>
                  <a:pt x="858123" y="4949839"/>
                </a:lnTo>
                <a:lnTo>
                  <a:pt x="881493" y="4963332"/>
                </a:lnTo>
                <a:lnTo>
                  <a:pt x="915426" y="4883102"/>
                </a:lnTo>
                <a:cubicBezTo>
                  <a:pt x="1199446" y="4169496"/>
                  <a:pt x="1313971" y="3394531"/>
                  <a:pt x="1243146" y="2620042"/>
                </a:cubicBezTo>
                <a:cubicBezTo>
                  <a:pt x="1231591" y="2515984"/>
                  <a:pt x="1230243" y="2412988"/>
                  <a:pt x="1238338" y="2312096"/>
                </a:cubicBezTo>
                <a:close/>
                <a:moveTo>
                  <a:pt x="1344033" y="2126470"/>
                </a:moveTo>
                <a:lnTo>
                  <a:pt x="1303102" y="2197364"/>
                </a:lnTo>
                <a:lnTo>
                  <a:pt x="1287693" y="2320151"/>
                </a:lnTo>
                <a:cubicBezTo>
                  <a:pt x="1279967" y="2418944"/>
                  <a:pt x="1281403" y="2519968"/>
                  <a:pt x="1292713" y="2622251"/>
                </a:cubicBezTo>
                <a:cubicBezTo>
                  <a:pt x="1364342" y="3410701"/>
                  <a:pt x="1244603" y="4203028"/>
                  <a:pt x="950323" y="4929610"/>
                </a:cubicBezTo>
                <a:lnTo>
                  <a:pt x="924996" y="4988449"/>
                </a:lnTo>
                <a:lnTo>
                  <a:pt x="947558" y="5001474"/>
                </a:lnTo>
                <a:lnTo>
                  <a:pt x="985197" y="4912579"/>
                </a:lnTo>
                <a:cubicBezTo>
                  <a:pt x="1273362" y="4189472"/>
                  <a:pt x="1390122" y="3404216"/>
                  <a:pt x="1319423" y="2619222"/>
                </a:cubicBezTo>
                <a:cubicBezTo>
                  <a:pt x="1302729" y="2468435"/>
                  <a:pt x="1307879" y="2320431"/>
                  <a:pt x="1332505" y="2178432"/>
                </a:cubicBezTo>
                <a:close/>
                <a:moveTo>
                  <a:pt x="4156577" y="1830102"/>
                </a:moveTo>
                <a:lnTo>
                  <a:pt x="2923326" y="2069399"/>
                </a:lnTo>
                <a:cubicBezTo>
                  <a:pt x="2668050" y="2119530"/>
                  <a:pt x="2490882" y="2352834"/>
                  <a:pt x="2511316" y="2611967"/>
                </a:cubicBezTo>
                <a:cubicBezTo>
                  <a:pt x="2581598" y="3557821"/>
                  <a:pt x="2429147" y="4509013"/>
                  <a:pt x="2076162" y="5382760"/>
                </a:cubicBezTo>
                <a:lnTo>
                  <a:pt x="1983331" y="5599479"/>
                </a:lnTo>
                <a:lnTo>
                  <a:pt x="2006791" y="5613023"/>
                </a:lnTo>
                <a:lnTo>
                  <a:pt x="2101170" y="5392672"/>
                </a:lnTo>
                <a:cubicBezTo>
                  <a:pt x="2455667" y="4515085"/>
                  <a:pt x="2608694" y="3559710"/>
                  <a:pt x="2538151" y="2609822"/>
                </a:cubicBezTo>
                <a:cubicBezTo>
                  <a:pt x="2518647" y="2364247"/>
                  <a:pt x="2686507" y="2143075"/>
                  <a:pt x="2928440" y="2095581"/>
                </a:cubicBezTo>
                <a:lnTo>
                  <a:pt x="4161565" y="1856536"/>
                </a:lnTo>
                <a:cubicBezTo>
                  <a:pt x="4168871" y="1855161"/>
                  <a:pt x="4173677" y="1848126"/>
                  <a:pt x="4172300" y="1840827"/>
                </a:cubicBezTo>
                <a:cubicBezTo>
                  <a:pt x="4170923" y="1833527"/>
                  <a:pt x="4163883" y="1828726"/>
                  <a:pt x="4156577" y="1830102"/>
                </a:cubicBezTo>
                <a:close/>
                <a:moveTo>
                  <a:pt x="4142054" y="1755909"/>
                </a:moveTo>
                <a:lnTo>
                  <a:pt x="2900089" y="1996973"/>
                </a:lnTo>
                <a:cubicBezTo>
                  <a:pt x="2610539" y="2053721"/>
                  <a:pt x="2410160" y="2319151"/>
                  <a:pt x="2435102" y="2612913"/>
                </a:cubicBezTo>
                <a:cubicBezTo>
                  <a:pt x="2505428" y="3548185"/>
                  <a:pt x="2355347" y="4488644"/>
                  <a:pt x="2006426" y="5352842"/>
                </a:cubicBezTo>
                <a:lnTo>
                  <a:pt x="1917182" y="5561287"/>
                </a:lnTo>
                <a:lnTo>
                  <a:pt x="1940628" y="5574824"/>
                </a:lnTo>
                <a:lnTo>
                  <a:pt x="2031374" y="5362840"/>
                </a:lnTo>
                <a:cubicBezTo>
                  <a:pt x="2381770" y="4494858"/>
                  <a:pt x="2532548" y="3550061"/>
                  <a:pt x="2461874" y="2610453"/>
                </a:cubicBezTo>
                <a:cubicBezTo>
                  <a:pt x="2437981" y="2330311"/>
                  <a:pt x="2629015" y="2077128"/>
                  <a:pt x="2905140" y="2022965"/>
                </a:cubicBezTo>
                <a:lnTo>
                  <a:pt x="4147106" y="1782343"/>
                </a:lnTo>
                <a:cubicBezTo>
                  <a:pt x="4154411" y="1780949"/>
                  <a:pt x="4159204" y="1773902"/>
                  <a:pt x="4157809" y="1766602"/>
                </a:cubicBezTo>
                <a:cubicBezTo>
                  <a:pt x="4156413" y="1759303"/>
                  <a:pt x="4149360" y="1754514"/>
                  <a:pt x="4142054" y="1755909"/>
                </a:cubicBezTo>
                <a:close/>
                <a:moveTo>
                  <a:pt x="4127532" y="1681085"/>
                </a:moveTo>
                <a:lnTo>
                  <a:pt x="2876663" y="1923789"/>
                </a:lnTo>
                <a:cubicBezTo>
                  <a:pt x="2552896" y="1987099"/>
                  <a:pt x="2329362" y="2284609"/>
                  <a:pt x="2358888" y="2612913"/>
                </a:cubicBezTo>
                <a:cubicBezTo>
                  <a:pt x="2429300" y="3538035"/>
                  <a:pt x="2281426" y="4468166"/>
                  <a:pt x="1936789" y="5322697"/>
                </a:cubicBezTo>
                <a:lnTo>
                  <a:pt x="1851066" y="5523115"/>
                </a:lnTo>
                <a:lnTo>
                  <a:pt x="1874811" y="5536824"/>
                </a:lnTo>
                <a:lnTo>
                  <a:pt x="1961982" y="5333022"/>
                </a:lnTo>
                <a:cubicBezTo>
                  <a:pt x="2308150" y="4474707"/>
                  <a:pt x="2456732" y="3540409"/>
                  <a:pt x="2386102" y="2611210"/>
                </a:cubicBezTo>
                <a:cubicBezTo>
                  <a:pt x="2357568" y="2296457"/>
                  <a:pt x="2571851" y="2011117"/>
                  <a:pt x="2882282" y="1950476"/>
                </a:cubicBezTo>
                <a:lnTo>
                  <a:pt x="4132772" y="1707456"/>
                </a:lnTo>
                <a:cubicBezTo>
                  <a:pt x="4139996" y="1706024"/>
                  <a:pt x="4144687" y="1699021"/>
                  <a:pt x="4143254" y="1691810"/>
                </a:cubicBezTo>
                <a:cubicBezTo>
                  <a:pt x="4141821" y="1684548"/>
                  <a:pt x="4134824" y="1679772"/>
                  <a:pt x="4127532" y="1681085"/>
                </a:cubicBezTo>
                <a:close/>
                <a:moveTo>
                  <a:pt x="4113008" y="1606639"/>
                </a:moveTo>
                <a:lnTo>
                  <a:pt x="2853615" y="1851363"/>
                </a:lnTo>
                <a:cubicBezTo>
                  <a:pt x="2495429" y="1921228"/>
                  <a:pt x="2248583" y="2251014"/>
                  <a:pt x="2282737" y="2614049"/>
                </a:cubicBezTo>
                <a:cubicBezTo>
                  <a:pt x="2352212" y="3532105"/>
                  <a:pt x="2207605" y="4447846"/>
                  <a:pt x="1867344" y="5291602"/>
                </a:cubicBezTo>
                <a:lnTo>
                  <a:pt x="1784711" y="5484805"/>
                </a:lnTo>
                <a:lnTo>
                  <a:pt x="1808169" y="5498348"/>
                </a:lnTo>
                <a:lnTo>
                  <a:pt x="1891761" y="5302825"/>
                </a:lnTo>
                <a:cubicBezTo>
                  <a:pt x="2233819" y="4454207"/>
                  <a:pt x="2380120" y="3530484"/>
                  <a:pt x="2309447" y="2611651"/>
                </a:cubicBezTo>
                <a:cubicBezTo>
                  <a:pt x="2276366" y="2262225"/>
                  <a:pt x="2513986" y="1944716"/>
                  <a:pt x="2858793" y="1877608"/>
                </a:cubicBezTo>
                <a:lnTo>
                  <a:pt x="4117997" y="1633074"/>
                </a:lnTo>
                <a:cubicBezTo>
                  <a:pt x="4125302" y="1631698"/>
                  <a:pt x="4130108" y="1624664"/>
                  <a:pt x="4128731" y="1617364"/>
                </a:cubicBezTo>
                <a:cubicBezTo>
                  <a:pt x="4127355" y="1610065"/>
                  <a:pt x="4120314" y="1605264"/>
                  <a:pt x="4113008" y="1606639"/>
                </a:cubicBezTo>
                <a:close/>
                <a:moveTo>
                  <a:pt x="4098549" y="1532257"/>
                </a:moveTo>
                <a:lnTo>
                  <a:pt x="2830379" y="1778621"/>
                </a:lnTo>
                <a:cubicBezTo>
                  <a:pt x="2437918" y="1855009"/>
                  <a:pt x="2167866" y="2216940"/>
                  <a:pt x="2206649" y="2614554"/>
                </a:cubicBezTo>
                <a:cubicBezTo>
                  <a:pt x="2276133" y="3522091"/>
                  <a:pt x="2133672" y="4427500"/>
                  <a:pt x="1797500" y="5261699"/>
                </a:cubicBezTo>
                <a:lnTo>
                  <a:pt x="1718479" y="5446566"/>
                </a:lnTo>
                <a:lnTo>
                  <a:pt x="1742049" y="5460174"/>
                </a:lnTo>
                <a:lnTo>
                  <a:pt x="1822545" y="5271824"/>
                </a:lnTo>
                <a:cubicBezTo>
                  <a:pt x="2160201" y="4433783"/>
                  <a:pt x="2303266" y="3524223"/>
                  <a:pt x="2233422" y="2612535"/>
                </a:cubicBezTo>
                <a:cubicBezTo>
                  <a:pt x="2195625" y="2228472"/>
                  <a:pt x="2456425" y="1878705"/>
                  <a:pt x="2835556" y="1804992"/>
                </a:cubicBezTo>
                <a:lnTo>
                  <a:pt x="4103726" y="1558502"/>
                </a:lnTo>
                <a:lnTo>
                  <a:pt x="4104232" y="1558502"/>
                </a:lnTo>
                <a:cubicBezTo>
                  <a:pt x="4110994" y="1556742"/>
                  <a:pt x="4115282" y="1550092"/>
                  <a:pt x="4114088" y="1543209"/>
                </a:cubicBezTo>
                <a:cubicBezTo>
                  <a:pt x="4112825" y="1535897"/>
                  <a:pt x="4105867" y="1530995"/>
                  <a:pt x="4098549" y="1532257"/>
                </a:cubicBezTo>
                <a:close/>
                <a:moveTo>
                  <a:pt x="4084089" y="1457812"/>
                </a:moveTo>
                <a:lnTo>
                  <a:pt x="2807205" y="1705942"/>
                </a:lnTo>
                <a:cubicBezTo>
                  <a:pt x="2380173" y="1788570"/>
                  <a:pt x="2086601" y="2182834"/>
                  <a:pt x="2130120" y="2615248"/>
                </a:cubicBezTo>
                <a:cubicBezTo>
                  <a:pt x="2199773" y="3512137"/>
                  <a:pt x="2059582" y="4407115"/>
                  <a:pt x="1727599" y="5231668"/>
                </a:cubicBezTo>
                <a:lnTo>
                  <a:pt x="1652165" y="5408280"/>
                </a:lnTo>
                <a:lnTo>
                  <a:pt x="1675819" y="5421936"/>
                </a:lnTo>
                <a:lnTo>
                  <a:pt x="1752828" y="5241619"/>
                </a:lnTo>
                <a:cubicBezTo>
                  <a:pt x="2086340" y="4413186"/>
                  <a:pt x="2227178" y="3514010"/>
                  <a:pt x="2157208" y="2612913"/>
                </a:cubicBezTo>
                <a:cubicBezTo>
                  <a:pt x="2114914" y="2194278"/>
                  <a:pt x="2398977" y="1812449"/>
                  <a:pt x="2812383" y="1732250"/>
                </a:cubicBezTo>
                <a:lnTo>
                  <a:pt x="4089267" y="1484057"/>
                </a:lnTo>
                <a:cubicBezTo>
                  <a:pt x="4096522" y="1482631"/>
                  <a:pt x="4101239" y="1475596"/>
                  <a:pt x="4099812" y="1468347"/>
                </a:cubicBezTo>
                <a:cubicBezTo>
                  <a:pt x="4098384" y="1461099"/>
                  <a:pt x="4091344" y="1456386"/>
                  <a:pt x="4084089" y="1457812"/>
                </a:cubicBezTo>
                <a:close/>
                <a:moveTo>
                  <a:pt x="4069376" y="1383366"/>
                </a:moveTo>
                <a:lnTo>
                  <a:pt x="2784031" y="1633263"/>
                </a:lnTo>
                <a:cubicBezTo>
                  <a:pt x="2322921" y="1722686"/>
                  <a:pt x="2006352" y="2148955"/>
                  <a:pt x="2054348" y="2615815"/>
                </a:cubicBezTo>
                <a:cubicBezTo>
                  <a:pt x="2123944" y="3502213"/>
                  <a:pt x="1985822" y="4386866"/>
                  <a:pt x="1657855" y="5201853"/>
                </a:cubicBezTo>
                <a:lnTo>
                  <a:pt x="1586024" y="5370093"/>
                </a:lnTo>
                <a:lnTo>
                  <a:pt x="1609720" y="5383774"/>
                </a:lnTo>
                <a:lnTo>
                  <a:pt x="1683084" y="5211857"/>
                </a:lnTo>
                <a:cubicBezTo>
                  <a:pt x="2012481" y="4392903"/>
                  <a:pt x="2151138" y="3503994"/>
                  <a:pt x="2081120" y="2613355"/>
                </a:cubicBezTo>
                <a:cubicBezTo>
                  <a:pt x="2034476" y="2160229"/>
                  <a:pt x="2341668" y="1746445"/>
                  <a:pt x="2789209" y="1659571"/>
                </a:cubicBezTo>
                <a:lnTo>
                  <a:pt x="4074491" y="1409611"/>
                </a:lnTo>
                <a:cubicBezTo>
                  <a:pt x="4074756" y="1409567"/>
                  <a:pt x="4075015" y="1409517"/>
                  <a:pt x="4075274" y="1409460"/>
                </a:cubicBezTo>
                <a:cubicBezTo>
                  <a:pt x="4082485" y="1407832"/>
                  <a:pt x="4087013" y="1400672"/>
                  <a:pt x="4085383" y="1393467"/>
                </a:cubicBezTo>
                <a:cubicBezTo>
                  <a:pt x="4083754" y="1386262"/>
                  <a:pt x="4076588" y="1381738"/>
                  <a:pt x="4069376" y="1383366"/>
                </a:cubicBezTo>
                <a:close/>
                <a:moveTo>
                  <a:pt x="4055485" y="1308858"/>
                </a:moveTo>
                <a:lnTo>
                  <a:pt x="2761047" y="1560584"/>
                </a:lnTo>
                <a:cubicBezTo>
                  <a:pt x="2265436" y="1656347"/>
                  <a:pt x="1925415" y="2114893"/>
                  <a:pt x="1978070" y="2616509"/>
                </a:cubicBezTo>
                <a:cubicBezTo>
                  <a:pt x="2047858" y="3492232"/>
                  <a:pt x="1912073" y="4366435"/>
                  <a:pt x="1588386" y="5171785"/>
                </a:cubicBezTo>
                <a:lnTo>
                  <a:pt x="1520054" y="5332005"/>
                </a:lnTo>
                <a:lnTo>
                  <a:pt x="1543390" y="5345478"/>
                </a:lnTo>
                <a:lnTo>
                  <a:pt x="1613243" y="5181688"/>
                </a:lnTo>
                <a:cubicBezTo>
                  <a:pt x="1938509" y="4372418"/>
                  <a:pt x="2074980" y="3493968"/>
                  <a:pt x="2004906" y="2613986"/>
                </a:cubicBezTo>
                <a:cubicBezTo>
                  <a:pt x="1953545" y="2126135"/>
                  <a:pt x="2284195" y="1680088"/>
                  <a:pt x="2766225" y="1586955"/>
                </a:cubicBezTo>
                <a:lnTo>
                  <a:pt x="4060663" y="1335166"/>
                </a:lnTo>
                <a:cubicBezTo>
                  <a:pt x="4067930" y="1333740"/>
                  <a:pt x="4072666" y="1326687"/>
                  <a:pt x="4071239" y="1319425"/>
                </a:cubicBezTo>
                <a:cubicBezTo>
                  <a:pt x="4069812" y="1312157"/>
                  <a:pt x="4062753" y="1307432"/>
                  <a:pt x="4055485" y="1308858"/>
                </a:cubicBezTo>
                <a:close/>
                <a:moveTo>
                  <a:pt x="4040583" y="1234349"/>
                </a:moveTo>
                <a:lnTo>
                  <a:pt x="2737558" y="1487779"/>
                </a:lnTo>
                <a:cubicBezTo>
                  <a:pt x="2207722" y="1590198"/>
                  <a:pt x="1844623" y="2080932"/>
                  <a:pt x="1901983" y="2617077"/>
                </a:cubicBezTo>
                <a:cubicBezTo>
                  <a:pt x="1971774" y="3482304"/>
                  <a:pt x="1838134" y="4346198"/>
                  <a:pt x="1518537" y="5142023"/>
                </a:cubicBezTo>
                <a:lnTo>
                  <a:pt x="1453858" y="5293787"/>
                </a:lnTo>
                <a:lnTo>
                  <a:pt x="1477338" y="5307343"/>
                </a:lnTo>
                <a:lnTo>
                  <a:pt x="1543580" y="5151912"/>
                </a:lnTo>
                <a:cubicBezTo>
                  <a:pt x="1864733" y="4352195"/>
                  <a:pt x="1999001" y="3484072"/>
                  <a:pt x="1928819" y="2614617"/>
                </a:cubicBezTo>
                <a:cubicBezTo>
                  <a:pt x="1872912" y="2092256"/>
                  <a:pt x="2226602" y="1614109"/>
                  <a:pt x="2742799" y="1514213"/>
                </a:cubicBezTo>
                <a:lnTo>
                  <a:pt x="4045761" y="1260594"/>
                </a:lnTo>
                <a:cubicBezTo>
                  <a:pt x="4053016" y="1259106"/>
                  <a:pt x="4057752" y="1252103"/>
                  <a:pt x="4056432" y="1244822"/>
                </a:cubicBezTo>
                <a:cubicBezTo>
                  <a:pt x="4056426" y="1244791"/>
                  <a:pt x="4056419" y="1244759"/>
                  <a:pt x="4056413" y="1244728"/>
                </a:cubicBezTo>
                <a:cubicBezTo>
                  <a:pt x="4054910" y="1237491"/>
                  <a:pt x="4047819" y="1232848"/>
                  <a:pt x="4040583" y="1234349"/>
                </a:cubicBezTo>
                <a:close/>
                <a:moveTo>
                  <a:pt x="4026060" y="1160030"/>
                </a:moveTo>
                <a:lnTo>
                  <a:pt x="2714447" y="1415290"/>
                </a:lnTo>
                <a:cubicBezTo>
                  <a:pt x="2148115" y="1527210"/>
                  <a:pt x="1765909" y="2044416"/>
                  <a:pt x="1825769" y="2617708"/>
                </a:cubicBezTo>
                <a:cubicBezTo>
                  <a:pt x="1895583" y="3472339"/>
                  <a:pt x="1764085" y="4325818"/>
                  <a:pt x="1448574" y="5111997"/>
                </a:cubicBezTo>
                <a:lnTo>
                  <a:pt x="1387467" y="5255456"/>
                </a:lnTo>
                <a:lnTo>
                  <a:pt x="1410985" y="5269034"/>
                </a:lnTo>
                <a:lnTo>
                  <a:pt x="1473684" y="5121789"/>
                </a:lnTo>
                <a:cubicBezTo>
                  <a:pt x="1790675" y="4331664"/>
                  <a:pt x="1922750" y="3473931"/>
                  <a:pt x="1852542" y="2615058"/>
                </a:cubicBezTo>
                <a:cubicBezTo>
                  <a:pt x="1794071" y="2055330"/>
                  <a:pt x="2166995" y="1550805"/>
                  <a:pt x="2719625" y="1441598"/>
                </a:cubicBezTo>
                <a:lnTo>
                  <a:pt x="4031301" y="1186338"/>
                </a:lnTo>
                <a:cubicBezTo>
                  <a:pt x="4038588" y="1184906"/>
                  <a:pt x="4043336" y="1177847"/>
                  <a:pt x="4041909" y="1170566"/>
                </a:cubicBezTo>
                <a:cubicBezTo>
                  <a:pt x="4040387" y="1163323"/>
                  <a:pt x="4033334" y="1158636"/>
                  <a:pt x="4026060" y="1160030"/>
                </a:cubicBezTo>
                <a:close/>
                <a:moveTo>
                  <a:pt x="4011537" y="1085522"/>
                </a:moveTo>
                <a:lnTo>
                  <a:pt x="2690895" y="1342800"/>
                </a:lnTo>
                <a:cubicBezTo>
                  <a:pt x="2089834" y="1461471"/>
                  <a:pt x="1685212" y="2010095"/>
                  <a:pt x="1749302" y="2618528"/>
                </a:cubicBezTo>
                <a:cubicBezTo>
                  <a:pt x="1819246" y="3462624"/>
                  <a:pt x="1689992" y="4305782"/>
                  <a:pt x="1378644" y="5082431"/>
                </a:cubicBezTo>
                <a:lnTo>
                  <a:pt x="1321276" y="5217241"/>
                </a:lnTo>
                <a:lnTo>
                  <a:pt x="1344809" y="5230828"/>
                </a:lnTo>
                <a:lnTo>
                  <a:pt x="1403833" y="5092118"/>
                </a:lnTo>
                <a:cubicBezTo>
                  <a:pt x="1716719" y="4311575"/>
                  <a:pt x="1846610" y="3464198"/>
                  <a:pt x="1776327" y="2615879"/>
                </a:cubicBezTo>
                <a:cubicBezTo>
                  <a:pt x="1713689" y="2020757"/>
                  <a:pt x="2109093" y="1484751"/>
                  <a:pt x="2696325" y="1368919"/>
                </a:cubicBezTo>
                <a:lnTo>
                  <a:pt x="4016715" y="1111767"/>
                </a:lnTo>
                <a:cubicBezTo>
                  <a:pt x="4023970" y="1110278"/>
                  <a:pt x="4028706" y="1103275"/>
                  <a:pt x="4027386" y="1095995"/>
                </a:cubicBezTo>
                <a:cubicBezTo>
                  <a:pt x="4025896" y="1088733"/>
                  <a:pt x="4018805" y="1084052"/>
                  <a:pt x="4011537" y="1085522"/>
                </a:cubicBezTo>
                <a:close/>
                <a:moveTo>
                  <a:pt x="3996825" y="1011203"/>
                </a:moveTo>
                <a:lnTo>
                  <a:pt x="2667595" y="1269869"/>
                </a:lnTo>
                <a:cubicBezTo>
                  <a:pt x="2032311" y="1395290"/>
                  <a:pt x="1604704" y="1975712"/>
                  <a:pt x="1673467" y="2618844"/>
                </a:cubicBezTo>
                <a:cubicBezTo>
                  <a:pt x="1743385" y="3452347"/>
                  <a:pt x="1616289" y="4285098"/>
                  <a:pt x="1309084" y="5052141"/>
                </a:cubicBezTo>
                <a:lnTo>
                  <a:pt x="1255123" y="5179047"/>
                </a:lnTo>
                <a:lnTo>
                  <a:pt x="1278582" y="5192591"/>
                </a:lnTo>
                <a:lnTo>
                  <a:pt x="1334058" y="5062112"/>
                </a:lnTo>
                <a:cubicBezTo>
                  <a:pt x="1642811" y="4291148"/>
                  <a:pt x="1770516" y="3454137"/>
                  <a:pt x="1700177" y="2616383"/>
                </a:cubicBezTo>
                <a:cubicBezTo>
                  <a:pt x="1632929" y="1986563"/>
                  <a:pt x="2051317" y="1419075"/>
                  <a:pt x="2672899" y="1296114"/>
                </a:cubicBezTo>
                <a:lnTo>
                  <a:pt x="4002003" y="1037448"/>
                </a:lnTo>
                <a:cubicBezTo>
                  <a:pt x="4009258" y="1035959"/>
                  <a:pt x="4013993" y="1028956"/>
                  <a:pt x="4012674" y="1021675"/>
                </a:cubicBezTo>
                <a:cubicBezTo>
                  <a:pt x="4011184" y="1014414"/>
                  <a:pt x="4004093" y="1009733"/>
                  <a:pt x="3996825" y="1011203"/>
                </a:cubicBezTo>
                <a:close/>
                <a:moveTo>
                  <a:pt x="3982491" y="936505"/>
                </a:moveTo>
                <a:lnTo>
                  <a:pt x="2644611" y="1197190"/>
                </a:lnTo>
                <a:cubicBezTo>
                  <a:pt x="1974471" y="1329803"/>
                  <a:pt x="1524323" y="1941328"/>
                  <a:pt x="1597253" y="2619601"/>
                </a:cubicBezTo>
                <a:cubicBezTo>
                  <a:pt x="1667293" y="3442603"/>
                  <a:pt x="1542402" y="4265059"/>
                  <a:pt x="1239304" y="5022579"/>
                </a:cubicBezTo>
                <a:lnTo>
                  <a:pt x="1189037" y="5140893"/>
                </a:lnTo>
                <a:lnTo>
                  <a:pt x="1212404" y="5154384"/>
                </a:lnTo>
                <a:lnTo>
                  <a:pt x="1264254" y="5032331"/>
                </a:lnTo>
                <a:cubicBezTo>
                  <a:pt x="1568895" y="4270874"/>
                  <a:pt x="1694421" y="3444154"/>
                  <a:pt x="1624026" y="2616888"/>
                </a:cubicBezTo>
                <a:cubicBezTo>
                  <a:pt x="1552611" y="1952495"/>
                  <a:pt x="1993225" y="1353462"/>
                  <a:pt x="2649915" y="1223561"/>
                </a:cubicBezTo>
                <a:lnTo>
                  <a:pt x="3987921" y="962687"/>
                </a:lnTo>
                <a:cubicBezTo>
                  <a:pt x="3995114" y="961230"/>
                  <a:pt x="3999774" y="954233"/>
                  <a:pt x="3998340" y="947041"/>
                </a:cubicBezTo>
                <a:cubicBezTo>
                  <a:pt x="3996850" y="939773"/>
                  <a:pt x="3989772" y="935073"/>
                  <a:pt x="3982491" y="936505"/>
                </a:cubicBezTo>
                <a:close/>
                <a:moveTo>
                  <a:pt x="3968347" y="862123"/>
                </a:moveTo>
                <a:lnTo>
                  <a:pt x="2621501" y="1124889"/>
                </a:lnTo>
                <a:cubicBezTo>
                  <a:pt x="1916884" y="1264191"/>
                  <a:pt x="1443815" y="1907197"/>
                  <a:pt x="1521166" y="2620610"/>
                </a:cubicBezTo>
                <a:cubicBezTo>
                  <a:pt x="1591274" y="3432981"/>
                  <a:pt x="1468578" y="4245010"/>
                  <a:pt x="1169606" y="4992875"/>
                </a:cubicBezTo>
                <a:lnTo>
                  <a:pt x="1122962" y="5102744"/>
                </a:lnTo>
                <a:lnTo>
                  <a:pt x="1146248" y="5116188"/>
                </a:lnTo>
                <a:lnTo>
                  <a:pt x="1194551" y="5002394"/>
                </a:lnTo>
                <a:cubicBezTo>
                  <a:pt x="1495058" y="4250561"/>
                  <a:pt x="1618371" y="3434243"/>
                  <a:pt x="1547875" y="2617582"/>
                </a:cubicBezTo>
                <a:cubicBezTo>
                  <a:pt x="1472166" y="1918111"/>
                  <a:pt x="1935891" y="1287597"/>
                  <a:pt x="2626994" y="1150882"/>
                </a:cubicBezTo>
                <a:lnTo>
                  <a:pt x="3973525" y="888431"/>
                </a:lnTo>
                <a:cubicBezTo>
                  <a:pt x="3980793" y="887005"/>
                  <a:pt x="3985529" y="879958"/>
                  <a:pt x="3984101" y="872690"/>
                </a:cubicBezTo>
                <a:cubicBezTo>
                  <a:pt x="3982674" y="865422"/>
                  <a:pt x="3975615" y="860697"/>
                  <a:pt x="3968347" y="862123"/>
                </a:cubicBezTo>
                <a:close/>
                <a:moveTo>
                  <a:pt x="2576037" y="2475"/>
                </a:moveTo>
                <a:lnTo>
                  <a:pt x="2571750" y="0"/>
                </a:lnTo>
                <a:lnTo>
                  <a:pt x="2569593" y="3737"/>
                </a:lnTo>
                <a:close/>
                <a:moveTo>
                  <a:pt x="2676037" y="60210"/>
                </a:moveTo>
                <a:lnTo>
                  <a:pt x="2640711" y="39815"/>
                </a:lnTo>
                <a:lnTo>
                  <a:pt x="2537045" y="60112"/>
                </a:lnTo>
                <a:lnTo>
                  <a:pt x="2519261" y="90915"/>
                </a:lnTo>
                <a:close/>
                <a:moveTo>
                  <a:pt x="2775934" y="117886"/>
                </a:moveTo>
                <a:lnTo>
                  <a:pt x="2740624" y="97499"/>
                </a:lnTo>
                <a:lnTo>
                  <a:pt x="2486769" y="147191"/>
                </a:lnTo>
                <a:lnTo>
                  <a:pt x="2468990" y="177986"/>
                </a:lnTo>
                <a:close/>
                <a:moveTo>
                  <a:pt x="2875607" y="175432"/>
                </a:moveTo>
                <a:lnTo>
                  <a:pt x="2840431" y="155123"/>
                </a:lnTo>
                <a:lnTo>
                  <a:pt x="2436576" y="234129"/>
                </a:lnTo>
                <a:lnTo>
                  <a:pt x="2418876" y="264786"/>
                </a:lnTo>
                <a:close/>
                <a:moveTo>
                  <a:pt x="2975594" y="233159"/>
                </a:moveTo>
                <a:lnTo>
                  <a:pt x="2940418" y="212851"/>
                </a:lnTo>
                <a:lnTo>
                  <a:pt x="2386287" y="321231"/>
                </a:lnTo>
                <a:lnTo>
                  <a:pt x="2368410" y="352196"/>
                </a:lnTo>
                <a:lnTo>
                  <a:pt x="2371327" y="351478"/>
                </a:lnTo>
                <a:close/>
                <a:moveTo>
                  <a:pt x="3075640" y="290921"/>
                </a:moveTo>
                <a:lnTo>
                  <a:pt x="3040348" y="270545"/>
                </a:lnTo>
                <a:lnTo>
                  <a:pt x="2389323" y="397849"/>
                </a:lnTo>
                <a:lnTo>
                  <a:pt x="2334154" y="411528"/>
                </a:lnTo>
                <a:lnTo>
                  <a:pt x="2315502" y="443835"/>
                </a:lnTo>
                <a:lnTo>
                  <a:pt x="2394627" y="424220"/>
                </a:lnTo>
                <a:close/>
                <a:moveTo>
                  <a:pt x="3175538" y="348597"/>
                </a:moveTo>
                <a:lnTo>
                  <a:pt x="3140418" y="328321"/>
                </a:lnTo>
                <a:lnTo>
                  <a:pt x="2412496" y="470590"/>
                </a:lnTo>
                <a:lnTo>
                  <a:pt x="2281274" y="503119"/>
                </a:lnTo>
                <a:lnTo>
                  <a:pt x="2262691" y="535306"/>
                </a:lnTo>
                <a:lnTo>
                  <a:pt x="2417864" y="496836"/>
                </a:lnTo>
                <a:close/>
                <a:moveTo>
                  <a:pt x="3275431" y="406271"/>
                </a:moveTo>
                <a:lnTo>
                  <a:pt x="3240812" y="386283"/>
                </a:lnTo>
                <a:lnTo>
                  <a:pt x="2435796" y="543585"/>
                </a:lnTo>
                <a:cubicBezTo>
                  <a:pt x="2375005" y="555596"/>
                  <a:pt x="2315424" y="570393"/>
                  <a:pt x="2257167" y="587822"/>
                </a:cubicBezTo>
                <a:lnTo>
                  <a:pt x="2226054" y="598765"/>
                </a:lnTo>
                <a:lnTo>
                  <a:pt x="2205753" y="633926"/>
                </a:lnTo>
                <a:lnTo>
                  <a:pt x="2264841" y="613129"/>
                </a:lnTo>
                <a:cubicBezTo>
                  <a:pt x="2322283" y="595926"/>
                  <a:pt x="2381031" y="581316"/>
                  <a:pt x="2440974" y="569451"/>
                </a:cubicBezTo>
                <a:close/>
                <a:moveTo>
                  <a:pt x="3375392" y="463983"/>
                </a:moveTo>
                <a:lnTo>
                  <a:pt x="3340350" y="443751"/>
                </a:lnTo>
                <a:lnTo>
                  <a:pt x="2459222" y="615885"/>
                </a:lnTo>
                <a:cubicBezTo>
                  <a:pt x="2400558" y="627478"/>
                  <a:pt x="2343062" y="641758"/>
                  <a:pt x="2286845" y="658576"/>
                </a:cubicBezTo>
                <a:lnTo>
                  <a:pt x="2167241" y="700632"/>
                </a:lnTo>
                <a:lnTo>
                  <a:pt x="2146734" y="736150"/>
                </a:lnTo>
                <a:lnTo>
                  <a:pt x="2294298" y="684230"/>
                </a:lnTo>
                <a:cubicBezTo>
                  <a:pt x="2349692" y="667648"/>
                  <a:pt x="2406345" y="653565"/>
                  <a:pt x="2464148" y="642130"/>
                </a:cubicBezTo>
                <a:close/>
                <a:moveTo>
                  <a:pt x="3475571" y="521822"/>
                </a:moveTo>
                <a:lnTo>
                  <a:pt x="3440382" y="501505"/>
                </a:lnTo>
                <a:lnTo>
                  <a:pt x="2482207" y="688690"/>
                </a:lnTo>
                <a:cubicBezTo>
                  <a:pt x="2369164" y="711039"/>
                  <a:pt x="2260621" y="743740"/>
                  <a:pt x="2157418" y="785641"/>
                </a:cubicBezTo>
                <a:lnTo>
                  <a:pt x="2103883" y="810370"/>
                </a:lnTo>
                <a:lnTo>
                  <a:pt x="2080642" y="850624"/>
                </a:lnTo>
                <a:lnTo>
                  <a:pt x="2167626" y="810407"/>
                </a:lnTo>
                <a:cubicBezTo>
                  <a:pt x="2269268" y="769091"/>
                  <a:pt x="2376173" y="736828"/>
                  <a:pt x="2487510" y="714746"/>
                </a:cubicBezTo>
                <a:close/>
                <a:moveTo>
                  <a:pt x="3575715" y="579640"/>
                </a:moveTo>
                <a:lnTo>
                  <a:pt x="3540445" y="559276"/>
                </a:lnTo>
                <a:lnTo>
                  <a:pt x="2505443" y="761243"/>
                </a:lnTo>
                <a:cubicBezTo>
                  <a:pt x="2342285" y="793513"/>
                  <a:pt x="2188863" y="848183"/>
                  <a:pt x="2047910" y="921524"/>
                </a:cubicBezTo>
                <a:lnTo>
                  <a:pt x="2035568" y="928695"/>
                </a:lnTo>
                <a:lnTo>
                  <a:pt x="2008623" y="975366"/>
                </a:lnTo>
                <a:lnTo>
                  <a:pt x="2060276" y="945343"/>
                </a:lnTo>
                <a:cubicBezTo>
                  <a:pt x="2199019" y="873126"/>
                  <a:pt x="2350031" y="819285"/>
                  <a:pt x="2510621" y="787488"/>
                </a:cubicBezTo>
                <a:close/>
                <a:moveTo>
                  <a:pt x="3675634" y="637328"/>
                </a:moveTo>
                <a:lnTo>
                  <a:pt x="3640173" y="616855"/>
                </a:lnTo>
                <a:lnTo>
                  <a:pt x="2528680" y="833796"/>
                </a:lnTo>
                <a:cubicBezTo>
                  <a:pt x="2326991" y="873530"/>
                  <a:pt x="2136480" y="950457"/>
                  <a:pt x="1966063" y="1058906"/>
                </a:cubicBezTo>
                <a:lnTo>
                  <a:pt x="1956512" y="1065624"/>
                </a:lnTo>
                <a:lnTo>
                  <a:pt x="1924686" y="1120749"/>
                </a:lnTo>
                <a:lnTo>
                  <a:pt x="1972297" y="1086831"/>
                </a:lnTo>
                <a:cubicBezTo>
                  <a:pt x="2139078" y="979252"/>
                  <a:pt x="2328327" y="900938"/>
                  <a:pt x="2533921" y="860230"/>
                </a:cubicBezTo>
                <a:close/>
                <a:moveTo>
                  <a:pt x="3775430" y="694945"/>
                </a:moveTo>
                <a:lnTo>
                  <a:pt x="3739942" y="674456"/>
                </a:lnTo>
                <a:lnTo>
                  <a:pt x="2551980" y="906222"/>
                </a:lnTo>
                <a:cubicBezTo>
                  <a:pt x="2299406" y="956260"/>
                  <a:pt x="2072880" y="1062696"/>
                  <a:pt x="1883548" y="1210367"/>
                </a:cubicBezTo>
                <a:lnTo>
                  <a:pt x="1862566" y="1228344"/>
                </a:lnTo>
                <a:lnTo>
                  <a:pt x="1822113" y="1298411"/>
                </a:lnTo>
                <a:lnTo>
                  <a:pt x="1900091" y="1231612"/>
                </a:lnTo>
                <a:cubicBezTo>
                  <a:pt x="2086187" y="1086494"/>
                  <a:pt x="2308843" y="981914"/>
                  <a:pt x="2557094" y="932783"/>
                </a:cubicBezTo>
                <a:close/>
                <a:moveTo>
                  <a:pt x="3875651" y="752808"/>
                </a:moveTo>
                <a:lnTo>
                  <a:pt x="3840301" y="732399"/>
                </a:lnTo>
                <a:lnTo>
                  <a:pt x="2574964" y="979279"/>
                </a:lnTo>
                <a:cubicBezTo>
                  <a:pt x="2236611" y="1046323"/>
                  <a:pt x="1946964" y="1219102"/>
                  <a:pt x="1735391" y="1457855"/>
                </a:cubicBezTo>
                <a:lnTo>
                  <a:pt x="1716684" y="1481018"/>
                </a:lnTo>
                <a:lnTo>
                  <a:pt x="1446983" y="1948155"/>
                </a:lnTo>
                <a:lnTo>
                  <a:pt x="1412225" y="2055959"/>
                </a:lnTo>
                <a:cubicBezTo>
                  <a:pt x="1363622" y="2234653"/>
                  <a:pt x="1347363" y="2425617"/>
                  <a:pt x="1368927" y="2621430"/>
                </a:cubicBezTo>
                <a:cubicBezTo>
                  <a:pt x="1440108" y="3421786"/>
                  <a:pt x="1318317" y="4222030"/>
                  <a:pt x="1020508" y="4957395"/>
                </a:cubicBezTo>
                <a:lnTo>
                  <a:pt x="990802" y="5026441"/>
                </a:lnTo>
                <a:lnTo>
                  <a:pt x="1013845" y="5039745"/>
                </a:lnTo>
                <a:lnTo>
                  <a:pt x="1054986" y="4942653"/>
                </a:lnTo>
                <a:cubicBezTo>
                  <a:pt x="1347255" y="4209934"/>
                  <a:pt x="1466195" y="3414294"/>
                  <a:pt x="1395573" y="2618718"/>
                </a:cubicBezTo>
                <a:cubicBezTo>
                  <a:pt x="1311025" y="1849533"/>
                  <a:pt x="1820275" y="1155929"/>
                  <a:pt x="2580079" y="1005588"/>
                </a:cubicBezTo>
                <a:close/>
                <a:moveTo>
                  <a:pt x="3968634" y="806492"/>
                </a:moveTo>
                <a:lnTo>
                  <a:pt x="3940438" y="790213"/>
                </a:lnTo>
                <a:lnTo>
                  <a:pt x="2598138" y="1051895"/>
                </a:lnTo>
                <a:cubicBezTo>
                  <a:pt x="1859361" y="1197947"/>
                  <a:pt x="1363307" y="1872750"/>
                  <a:pt x="1445141" y="2620989"/>
                </a:cubicBezTo>
                <a:cubicBezTo>
                  <a:pt x="1515328" y="3422833"/>
                  <a:pt x="1394837" y="4224537"/>
                  <a:pt x="1100009" y="4962870"/>
                </a:cubicBezTo>
                <a:lnTo>
                  <a:pt x="1056869" y="5064585"/>
                </a:lnTo>
                <a:lnTo>
                  <a:pt x="1080039" y="5077962"/>
                </a:lnTo>
                <a:lnTo>
                  <a:pt x="1124702" y="4972656"/>
                </a:lnTo>
                <a:cubicBezTo>
                  <a:pt x="1421112" y="4230361"/>
                  <a:pt x="1542263" y="3424360"/>
                  <a:pt x="1471724" y="2618213"/>
                </a:cubicBezTo>
                <a:cubicBezTo>
                  <a:pt x="1391090" y="1883790"/>
                  <a:pt x="1878178" y="1221731"/>
                  <a:pt x="2603442" y="1078203"/>
                </a:cubicBezTo>
                <a:lnTo>
                  <a:pt x="3958686" y="813985"/>
                </a:lnTo>
                <a:cubicBezTo>
                  <a:pt x="3959236" y="813910"/>
                  <a:pt x="3959785" y="813802"/>
                  <a:pt x="3960322" y="813657"/>
                </a:cubicBezTo>
                <a:cubicBezTo>
                  <a:pt x="3963911" y="812711"/>
                  <a:pt x="3966776" y="810399"/>
                  <a:pt x="3968507" y="807427"/>
                </a:cubicBezTo>
                <a:close/>
              </a:path>
            </a:pathLst>
          </a:custGeom>
          <a:solidFill>
            <a:schemeClr val="accent2">
              <a:alpha val="40000"/>
            </a:schemeClr>
          </a:solidFill>
          <a:ln w="6308" cap="flat">
            <a:noFill/>
            <a:prstDash val="solid"/>
            <a:miter/>
          </a:ln>
        </p:spPr>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2489" b="0" i="0" u="none" strike="noStrike" kern="1200" cap="none" spc="0" normalizeH="0" baseline="0" noProof="0">
              <a:ln>
                <a:noFill/>
              </a:ln>
              <a:solidFill>
                <a:srgbClr val="5B6670"/>
              </a:solidFill>
              <a:effectLst/>
              <a:uLnTx/>
              <a:uFillTx/>
              <a:latin typeface="Montserrat Light" panose="02020603050405020304"/>
              <a:ea typeface="+mn-ea"/>
              <a:cs typeface="+mn-cs"/>
            </a:endParaRPr>
          </a:p>
        </p:txBody>
      </p:sp>
      <p:sp>
        <p:nvSpPr>
          <p:cNvPr id="5" name="TextBox 4">
            <a:extLst>
              <a:ext uri="{FF2B5EF4-FFF2-40B4-BE49-F238E27FC236}">
                <a16:creationId xmlns:a16="http://schemas.microsoft.com/office/drawing/2014/main" id="{60891E2F-9C7E-E90D-042E-4B3EAF94AA43}"/>
              </a:ext>
            </a:extLst>
          </p:cNvPr>
          <p:cNvSpPr txBox="1"/>
          <p:nvPr/>
        </p:nvSpPr>
        <p:spPr>
          <a:xfrm>
            <a:off x="2145436" y="2562160"/>
            <a:ext cx="7901127" cy="1733680"/>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5333" spc="400" dirty="0">
                <a:solidFill>
                  <a:srgbClr val="F3F3F3"/>
                </a:solidFill>
                <a:latin typeface="Montserrat Light" panose="02020603050405020304"/>
              </a:rPr>
              <a:t>Qualification &amp;</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5333" b="0" i="0" u="none" strike="noStrike" kern="1200" cap="none" spc="400" normalizeH="0" baseline="0" noProof="0" dirty="0">
                <a:ln>
                  <a:noFill/>
                </a:ln>
                <a:solidFill>
                  <a:srgbClr val="F3F3F3"/>
                </a:solidFill>
                <a:effectLst/>
                <a:uLnTx/>
                <a:uFillTx/>
                <a:latin typeface="Montserrat Light" panose="02020603050405020304"/>
                <a:ea typeface="+mn-ea"/>
                <a:cs typeface="+mn-cs"/>
              </a:rPr>
              <a:t>Approval</a:t>
            </a:r>
            <a:endParaRPr kumimoji="0" lang="en-US" sz="5333" b="0" i="0" u="none" strike="noStrike" kern="1200" cap="none" spc="400" normalizeH="0" baseline="0" noProof="0" dirty="0">
              <a:ln>
                <a:noFill/>
              </a:ln>
              <a:solidFill>
                <a:srgbClr val="F3F3F3"/>
              </a:solidFill>
              <a:effectLst/>
              <a:uLnTx/>
              <a:uFillTx/>
              <a:latin typeface="Montserrat Bold" panose="020B0604020202020204"/>
              <a:ea typeface="+mn-ea"/>
              <a:cs typeface="+mn-cs"/>
            </a:endParaRPr>
          </a:p>
        </p:txBody>
      </p:sp>
    </p:spTree>
    <p:extLst>
      <p:ext uri="{BB962C8B-B14F-4D97-AF65-F5344CB8AC3E}">
        <p14:creationId xmlns:p14="http://schemas.microsoft.com/office/powerpoint/2010/main" val="292919464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00" name="Graphic 299">
            <a:extLst>
              <a:ext uri="{FF2B5EF4-FFF2-40B4-BE49-F238E27FC236}">
                <a16:creationId xmlns:a16="http://schemas.microsoft.com/office/drawing/2014/main" id="{A7A82323-4453-BB49-EB58-EDC68D731BE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6200000">
            <a:off x="-1033592" y="4001126"/>
            <a:ext cx="4130984" cy="2065492"/>
          </a:xfrm>
          <a:prstGeom prst="rect">
            <a:avLst/>
          </a:prstGeom>
        </p:spPr>
      </p:pic>
      <p:pic>
        <p:nvPicPr>
          <p:cNvPr id="38" name="Graphic 37">
            <a:extLst>
              <a:ext uri="{FF2B5EF4-FFF2-40B4-BE49-F238E27FC236}">
                <a16:creationId xmlns:a16="http://schemas.microsoft.com/office/drawing/2014/main" id="{D5363257-CBB6-8E76-2A46-F2CDDBC8E0EB}"/>
              </a:ext>
            </a:extLst>
          </p:cNvPr>
          <p:cNvPicPr>
            <a:picLocks noChangeAspect="1"/>
          </p:cNvPicPr>
          <p:nvPr/>
        </p:nvPicPr>
        <p:blipFill>
          <a:blip r:embed="rId6">
            <a:extLst>
              <a:ext uri="{28A0092B-C50C-407E-A947-70E740481C1C}">
                <a14:useLocalDpi xmlns:a14="http://schemas.microsoft.com/office/drawing/2010/main"/>
              </a:ext>
              <a:ext uri="{96DAC541-7B7A-43D3-8B79-37D633B846F1}">
                <asvg:svgBlip xmlns:asvg="http://schemas.microsoft.com/office/drawing/2016/SVG/main" r:embed="rId7"/>
              </a:ext>
            </a:extLst>
          </a:blip>
          <a:srcRect t="44662"/>
          <a:stretch>
            <a:fillRect/>
          </a:stretch>
        </p:blipFill>
        <p:spPr>
          <a:xfrm rot="12600000" flipH="1" flipV="1">
            <a:off x="8330746" y="-690460"/>
            <a:ext cx="6243405" cy="5679783"/>
          </a:xfrm>
          <a:custGeom>
            <a:avLst/>
            <a:gdLst>
              <a:gd name="connsiteX0" fmla="*/ 4486258 w 4486258"/>
              <a:gd name="connsiteY0" fmla="*/ 4081262 h 4081262"/>
              <a:gd name="connsiteX1" fmla="*/ 0 w 4486258"/>
              <a:gd name="connsiteY1" fmla="*/ 4081262 h 4081262"/>
              <a:gd name="connsiteX2" fmla="*/ 0 w 4486258"/>
              <a:gd name="connsiteY2" fmla="*/ 1412885 h 4081262"/>
              <a:gd name="connsiteX3" fmla="*/ 2447189 w 4486258"/>
              <a:gd name="connsiteY3" fmla="*/ 0 h 4081262"/>
              <a:gd name="connsiteX4" fmla="*/ 4486258 w 4486258"/>
              <a:gd name="connsiteY4" fmla="*/ 3531771 h 40812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6258" h="4081262">
                <a:moveTo>
                  <a:pt x="4486258" y="4081262"/>
                </a:moveTo>
                <a:lnTo>
                  <a:pt x="0" y="4081262"/>
                </a:lnTo>
                <a:lnTo>
                  <a:pt x="0" y="1412885"/>
                </a:lnTo>
                <a:lnTo>
                  <a:pt x="2447189" y="0"/>
                </a:lnTo>
                <a:lnTo>
                  <a:pt x="4486258" y="3531771"/>
                </a:lnTo>
                <a:close/>
              </a:path>
            </a:pathLst>
          </a:custGeom>
        </p:spPr>
      </p:pic>
      <p:sp>
        <p:nvSpPr>
          <p:cNvPr id="41" name="Title 40">
            <a:extLst>
              <a:ext uri="{FF2B5EF4-FFF2-40B4-BE49-F238E27FC236}">
                <a16:creationId xmlns:a16="http://schemas.microsoft.com/office/drawing/2014/main" id="{62F28EBE-D758-6B63-C8D0-7DCB8070ACA5}"/>
              </a:ext>
            </a:extLst>
          </p:cNvPr>
          <p:cNvSpPr>
            <a:spLocks noGrp="1"/>
          </p:cNvSpPr>
          <p:nvPr>
            <p:ph type="title"/>
          </p:nvPr>
        </p:nvSpPr>
        <p:spPr/>
        <p:txBody>
          <a:bodyPr/>
          <a:lstStyle/>
          <a:p>
            <a:pPr algn="l"/>
            <a:r>
              <a:rPr lang="en-US" dirty="0"/>
              <a:t>The Pre-qualification</a:t>
            </a:r>
          </a:p>
        </p:txBody>
      </p:sp>
      <p:sp>
        <p:nvSpPr>
          <p:cNvPr id="43" name="TextBox 42">
            <a:extLst>
              <a:ext uri="{FF2B5EF4-FFF2-40B4-BE49-F238E27FC236}">
                <a16:creationId xmlns:a16="http://schemas.microsoft.com/office/drawing/2014/main" id="{18E4B5CE-0F0B-152F-4030-51CB804BBB85}"/>
              </a:ext>
            </a:extLst>
          </p:cNvPr>
          <p:cNvSpPr txBox="1"/>
          <p:nvPr/>
        </p:nvSpPr>
        <p:spPr>
          <a:xfrm>
            <a:off x="609600" y="1553254"/>
            <a:ext cx="4869860" cy="4524315"/>
          </a:xfrm>
          <a:prstGeom prst="rect">
            <a:avLst/>
          </a:prstGeom>
          <a:noFill/>
        </p:spPr>
        <p:txBody>
          <a:bodyPr wrap="square">
            <a:spAutoFit/>
          </a:bodyPr>
          <a:lstStyle/>
          <a:p>
            <a:pPr algn="l"/>
            <a:r>
              <a:rPr lang="en-US" b="0" i="0" dirty="0">
                <a:solidFill>
                  <a:schemeClr val="bg1"/>
                </a:solidFill>
                <a:effectLst/>
                <a:latin typeface="Montserrat" pitchFamily="2" charset="77"/>
              </a:rPr>
              <a:t>Minimum requirements of their primary checking account to qualify:</a:t>
            </a:r>
          </a:p>
          <a:p>
            <a:pPr algn="l"/>
            <a:endParaRPr lang="en-US" b="0" i="0" dirty="0">
              <a:solidFill>
                <a:schemeClr val="bg1"/>
              </a:solidFill>
              <a:effectLst/>
              <a:latin typeface="Montserrat" pitchFamily="2" charset="77"/>
            </a:endParaRPr>
          </a:p>
          <a:p>
            <a:pPr marL="285750" indent="-285750" algn="l">
              <a:buFont typeface="Arial" panose="020B0604020202020204" pitchFamily="34" charset="0"/>
              <a:buChar char="•"/>
            </a:pPr>
            <a:r>
              <a:rPr lang="en-US" b="0" i="0" dirty="0">
                <a:solidFill>
                  <a:schemeClr val="bg1"/>
                </a:solidFill>
                <a:effectLst/>
                <a:latin typeface="Montserrat" pitchFamily="2" charset="77"/>
              </a:rPr>
              <a:t>20+ transactions in the account within the last 90 days</a:t>
            </a:r>
          </a:p>
          <a:p>
            <a:pPr marL="285750" indent="-285750" algn="l">
              <a:buFont typeface="Arial" panose="020B0604020202020204" pitchFamily="34" charset="0"/>
              <a:buChar char="•"/>
            </a:pPr>
            <a:r>
              <a:rPr lang="en-US" b="0" i="0" dirty="0">
                <a:solidFill>
                  <a:schemeClr val="bg1"/>
                </a:solidFill>
                <a:effectLst/>
                <a:latin typeface="Montserrat" pitchFamily="2" charset="77"/>
              </a:rPr>
              <a:t>4+ deposit transactions in the last 90 days</a:t>
            </a:r>
          </a:p>
          <a:p>
            <a:pPr marL="285750" indent="-285750" algn="l">
              <a:buFont typeface="Arial" panose="020B0604020202020204" pitchFamily="34" charset="0"/>
              <a:buChar char="•"/>
            </a:pPr>
            <a:r>
              <a:rPr lang="en-US" b="0" i="0" dirty="0">
                <a:solidFill>
                  <a:schemeClr val="bg1"/>
                </a:solidFill>
                <a:effectLst/>
                <a:latin typeface="Montserrat" pitchFamily="2" charset="77"/>
              </a:rPr>
              <a:t>1 or more deposit transactions in the last 30 days</a:t>
            </a:r>
          </a:p>
          <a:p>
            <a:pPr algn="l"/>
            <a:endParaRPr lang="en-US" b="0" i="0" dirty="0">
              <a:solidFill>
                <a:schemeClr val="bg1"/>
              </a:solidFill>
              <a:effectLst/>
              <a:latin typeface="Montserrat" pitchFamily="2" charset="77"/>
            </a:endParaRPr>
          </a:p>
          <a:p>
            <a:pPr algn="l"/>
            <a:r>
              <a:rPr lang="en-US" b="0" i="0" dirty="0">
                <a:solidFill>
                  <a:schemeClr val="bg1"/>
                </a:solidFill>
                <a:effectLst/>
                <a:latin typeface="Montserrat" pitchFamily="2" charset="77"/>
              </a:rPr>
              <a:t>A customer will be evaluated for eligibility once they accept Autobooks terms of service. If they qualify, the pre-qualification offer details will appear in the Capital tab.</a:t>
            </a:r>
          </a:p>
          <a:p>
            <a:pPr algn="l"/>
            <a:endParaRPr lang="en-US" b="0" i="0" dirty="0">
              <a:solidFill>
                <a:schemeClr val="bg1"/>
              </a:solidFill>
              <a:effectLst/>
              <a:latin typeface="Montserrat" pitchFamily="2" charset="77"/>
            </a:endParaRPr>
          </a:p>
        </p:txBody>
      </p:sp>
      <p:pic>
        <p:nvPicPr>
          <p:cNvPr id="46" name="Picture 45">
            <a:extLst>
              <a:ext uri="{FF2B5EF4-FFF2-40B4-BE49-F238E27FC236}">
                <a16:creationId xmlns:a16="http://schemas.microsoft.com/office/drawing/2014/main" id="{344684DD-7487-6342-30BC-E99F6CF1C2DD}"/>
              </a:ext>
            </a:extLst>
          </p:cNvPr>
          <p:cNvPicPr>
            <a:picLocks noChangeAspect="1"/>
          </p:cNvPicPr>
          <p:nvPr/>
        </p:nvPicPr>
        <p:blipFill>
          <a:blip r:embed="rId8"/>
          <a:srcRect t="-1168" b="921"/>
          <a:stretch>
            <a:fillRect/>
          </a:stretch>
        </p:blipFill>
        <p:spPr>
          <a:xfrm>
            <a:off x="5637544" y="1189839"/>
            <a:ext cx="6293061" cy="4386872"/>
          </a:xfrm>
          <a:prstGeom prst="rect">
            <a:avLst/>
          </a:prstGeom>
        </p:spPr>
      </p:pic>
    </p:spTree>
    <p:custDataLst>
      <p:tags r:id="rId1"/>
    </p:custDataLst>
    <p:extLst>
      <p:ext uri="{BB962C8B-B14F-4D97-AF65-F5344CB8AC3E}">
        <p14:creationId xmlns:p14="http://schemas.microsoft.com/office/powerpoint/2010/main" val="3515669265"/>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PRESENTER_PHOTO_0" val="png|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"/>
  <p:tag name="ISPRING_COMPANY_LOGO" val="ISPRING_PRESENTER_PHOTO_0"/>
  <p:tag name="ISPRING_WEBLINKS_TARGET" val="_blank"/>
  <p:tag name="ISPRING_WEBLINKS_TARGETMJT" val="_self"/>
  <p:tag name="ISPRING-SUITE_ISPRING_PLAYERS_CUSTOMIZATION_2" val="{&quot;universal&quot;:{&quot;skinSettings&quot;:{&quot;borderRadius&quot;:10,&quot;colors&quot;:{&quot;asideBackground&quot;:{&quot;color&quot;:&quot;#353535&quot;,&quot;opacity&quot;:1,&quot;type&quot;:&quot;SOLID&quot;},&quot;asideElementBackgroundActive&quot;:{&quot;color&quot;:&quot;#606060&quot;,&quot;opacity&quot;:1,&quot;type&quot;:&quot;SOLID&quot;},&quot;asideElementBackgroundHover&quot;:{&quot;color&quot;:&quot;#4F4F4F&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353535&quot;,&quot;opacity&quot;:1,&quot;type&quot;:&quot;SOLID&quot;},&quot;pageBackground&quot;:{&quot;color&quot;:&quot;#5C5C62&quot;,&quot;opacity&quot;:1,&quot;type&quot;:&quot;SOLID&quot;},&quot;playerBackground&quot;:{&quot;color&quot;:&quot;#023652&quot;,&quot;opacity&quot;:1,&quot;type&quot;:&quot;SOLID&quot;},&quot;playerText&quot;:{&quot;color&quot;:&quot;#FFFFFF&quot;,&quot;opacity&quot;:1,&quot;type&quot;:&quot;SOLID&quot;},&quot;primaryButtonBackground&quot;:{&quot;color&quot;:&quot;#0C84A2&quot;,&quot;opacity&quot;:1,&quot;type&quot;:&quot;SOLID&quot;},&quot;primaryButtonBackgroundHover&quot;:{&quot;color&quot;:&quot;#FFFFFF&quot;,&quot;opacity&quot;:1,&quot;type&quot;:&quot;SOLID&quot;},&quot;primaryButtonBorder&quot;:{&quot;color&quot;:&quot;#023652&quot;,&quot;opacity&quot;:1,&quot;type&quot;:&quot;SOLID&quot;},&quot;primaryButtonBorderHover&quot;:{&quot;color&quot;:&quot;#4F7589&quot;,&quot;opacity&quot;:1,&quot;type&quot;:&quot;SOLID&quot;},&quot;primaryButtonText&quot;:{&quot;color&quot;:&quot;#FFFFFF&quot;,&quot;opacity&quot;:1,&quot;type&quot;:&quot;SOLID&quot;},&quot;primaryButtonTextHover&quot;:{&quot;color&quot;:&quot;#023652&quot;,&quot;opacity&quot;:1,&quot;type&quot;:&quot;SOLID&quot;},&quot;secondaryButtonBackground&quot;:{&quot;color&quot;:&quot;#E5E8E9&quot;,&quot;opacity&quot;:1,&quot;type&quot;:&quot;SOLID&quot;},&quot;secondaryButtonBackgroundHover&quot;:{&quot;color&quot;:&quot;#5C5C62&quot;,&quot;opacity&quot;:1,&quot;type&quot;:&quot;SOLID&quot;},&quot;secondaryButtonBorder&quot;:{&quot;color&quot;:&quot;#383838&quot;,&quot;opacity&quot;:1,&quot;type&quot;:&quot;SOLID&quot;},&quot;secondaryButtonBorderHover&quot;:{&quot;color&quot;:&quot;#5C5C62&quot;,&quot;opacity&quot;:1,&quot;type&quot;:&quot;SOLID&quot;},&quot;secondaryButtonText&quot;:{&quot;color&quot;:&quot;#014463&quot;,&quot;opacity&quot;:1,&quot;type&quot;:&quot;SOLID&quot;},&quot;secondaryButtonTextHover&quot;:{&quot;color&quot;:&quot;#DADADA&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true,&quot;showTimer&quot;:false,&quot;showVolumeControl&quot;:true,&quot;visible&quot;:true},&quot;fontFamily&quot;:&quot;Open Sans&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5C5C62&quot;,&quot;playerDimensions&quot;:{&quot;height&quot;:144,&quot;width&quot;:16},&quot;playerModule&quot;:&quot;UniversalHtml&quot;,&quot;presentationContent&quot;:{&quot;metadata&quot;:{&quot;references&quot;:true,&quot;texts&quot;:[&quot;DT_COMPANY_WEBSITE&quot;,&quot;DT_COURSE_TITLE&quot;,&quot;DT_REFERENCE_URL&quot;,&quot;DT_REFERENCE_TITLE&quot;,&quot;DT_SLIDE_TITLE&quot;,&quot;DT_SLIDE_NOTES_TEXT&quot;,&quot;DT_SLIDE_TEXT&quot;,&quot;DT_HYPERLINK_TOOLTIP&quot;]},&quot;resources&quot;:{&quot;attachments&quot;:tru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Outline&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Open Sans&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Outline&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Open Sans&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Outline&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Open Sans&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Outline&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Open Sans&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Outline&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Open Sans&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Outline&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acceleration,fullscreen,volumeControl,slideNumber,goToPrev,goToNext&quot;,&quot;playerLayoutHeader&quot;:&quot;resource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custom&quot;,&quot;playerThemeFont&quot;:&quot;Open Sans&quot;}}}"/>
  <p:tag name="ISPRING-SUITE_ISPRING_CURRENT_PLAYER_ID" val="universal"/>
  <p:tag name="ISPRING_PRESENTATION_COURSE_TITLE" val="Feature Highlights -"/>
  <p:tag name="ISPRING_PROJECT_VERSION" val="9.3"/>
  <p:tag name="ISPRING_PROJECT_FOLDER_UPDATED" val="1"/>
  <p:tag name="ISPRING_UUID" val="{2A45353C-14EC-4426-96DB-9513CD2DB42E}"/>
  <p:tag name="ISPRING_RESOURCE_FOLDER" val="C:\Users\AshleyDiFonzo\OneDrive - Autobooks\iSpring Projects\Other Presentations\Basics-of-Autobooks-eLearning\"/>
  <p:tag name="ISPRING_PRESENTATION_PATH" val="C:\Users\AshleyDiFonzo\OneDrive - Autobooks\iSpring Projects\Other Presentations\Basics-of-Autobooks-eLearning.pptx"/>
  <p:tag name="ISPRING_SCREEN_RECS_UPDATED" val="C:\Users\AshleyDiFonzo\OneDrive - Autobooks\iSpring Projects\Other Presentations\Basics-of-Autobooks-eLearning\"/>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GENSWF_SLIDE_UID" val="{70727633-F4DD-4813-9348-99A86CE6028F}:272"/>
  <p:tag name="GENSWF_SLIDE_TITLE" val="Want to learn more?"/>
  <p:tag name="ISPRING_SLIDE_INDENT_LEVEL" val="0"/>
  <p:tag name="ISPRING_CUSTOM_TIMING_USED" val="0"/>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ARTICULATE_SLIDE_THUMBNAIL_REFRESH" val="1"/>
  <p:tag name="GENSWF_SLIDE_UID" val="{37820A27-0BAD-4BC8-A8EA-D0D706BA2428}:256"/>
  <p:tag name="GENSWF_SLIDE_TITLE" val="Autobooks Highlight Feature:"/>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D4F729DE-80C5-45AA-99AE-B02CA2EDCEDC}:2145706689"/>
  <p:tag name="ISPRING_SLIDE_INDENT_LEVEL" val="0"/>
  <p:tag name="ISPRING_CUSTOM_TIMING_USED" val="0"/>
  <p:tag name="GENSWF_SLIDE_TITLE" val="Course Objectives"/>
</p:tagLst>
</file>

<file path=ppt/tags/tag8.xml><?xml version="1.0" encoding="utf-8"?>
<p:tagLst xmlns:a="http://schemas.openxmlformats.org/drawingml/2006/main" xmlns:r="http://schemas.openxmlformats.org/officeDocument/2006/relationships" xmlns:p="http://schemas.openxmlformats.org/presentationml/2006/main">
  <p:tag name="ISPRING_CONTENTLIB_ASSET_META" val="{&quot;ai&quot;:&quot;bf61b546-f129-11ee-b3c7-a666a8e1e88e.7&quot;,&quot;gi&quot;:&quot;bf61b546-f129-11ee-b3c7-a666a8e1e88e&quot;,&quot;ti&quot;:&quot;characters&quot;,&quot;vs&quot;:{&quot;f&quot;:[&quot;1000000010&quot;],&quot;i&quot;:{&quot;d&quot;:&quot;bf61b546-f129-11ee-b3c7-a666a8e1e88e.7&quot;,&quot;p&quot;:true}},&quot;at&quot;:&quot;CRAFTED&quot;}"/>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11_Autobooks Template 2021-Dec">
  <a:themeElements>
    <a:clrScheme name="Autobooks">
      <a:dk1>
        <a:srgbClr val="5B6670"/>
      </a:dk1>
      <a:lt1>
        <a:srgbClr val="FFFFFF"/>
      </a:lt1>
      <a:dk2>
        <a:srgbClr val="003A5D"/>
      </a:dk2>
      <a:lt2>
        <a:srgbClr val="F3F3F3"/>
      </a:lt2>
      <a:accent1>
        <a:srgbClr val="008AAB"/>
      </a:accent1>
      <a:accent2>
        <a:srgbClr val="95D4E9"/>
      </a:accent2>
      <a:accent3>
        <a:srgbClr val="A49888"/>
      </a:accent3>
      <a:accent4>
        <a:srgbClr val="F3E503"/>
      </a:accent4>
      <a:accent5>
        <a:srgbClr val="FF6C0E"/>
      </a:accent5>
      <a:accent6>
        <a:srgbClr val="A2A9AD"/>
      </a:accent6>
      <a:hlink>
        <a:srgbClr val="008AAB"/>
      </a:hlink>
      <a:folHlink>
        <a:srgbClr val="5B6670"/>
      </a:folHlink>
    </a:clrScheme>
    <a:fontScheme name="Test">
      <a:majorFont>
        <a:latin typeface="Montserrat Bold"/>
        <a:ea typeface=""/>
        <a:cs typeface=""/>
      </a:majorFont>
      <a:minorFont>
        <a:latin typeface="Source Sans Pro"/>
        <a:ea typeface=""/>
        <a:cs typeface=""/>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accent1"/>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none" rtlCol="0">
        <a:spAutoFit/>
      </a:bodyPr>
      <a:lstStyle>
        <a:defPPr algn="l">
          <a:defRPr sz="1200" dirty="0" smtClean="0">
            <a:solidFill>
              <a:srgbClr val="003A5D"/>
            </a:solidFill>
            <a:latin typeface="+mn-lt"/>
          </a:defRPr>
        </a:defPPr>
      </a:lstStyle>
    </a:txDef>
  </a:objectDefaults>
  <a:extraClrSchemeLst/>
  <a:extLst>
    <a:ext uri="{05A4C25C-085E-4340-85A3-A5531E510DB2}">
      <thm15:themeFamily xmlns:thm15="http://schemas.microsoft.com/office/thememl/2012/main" name="Autobooks Template 2021-Dec.potx" id="{6C1C6274-BE6A-024A-AB2E-EC349F257958}" vid="{A6561139-806A-FF49-841F-A9022D123B6C}"/>
    </a:ext>
  </a:extLst>
</a:theme>
</file>

<file path=ppt/theme/theme2.xml><?xml version="1.0" encoding="utf-8"?>
<a:theme xmlns:a="http://schemas.openxmlformats.org/drawingml/2006/main" name="9_Autobooks Template 2021-Dec">
  <a:themeElements>
    <a:clrScheme name="Autobooks">
      <a:dk1>
        <a:srgbClr val="5B6670"/>
      </a:dk1>
      <a:lt1>
        <a:srgbClr val="FFFFFF"/>
      </a:lt1>
      <a:dk2>
        <a:srgbClr val="003A5D"/>
      </a:dk2>
      <a:lt2>
        <a:srgbClr val="F3F3F3"/>
      </a:lt2>
      <a:accent1>
        <a:srgbClr val="008AAB"/>
      </a:accent1>
      <a:accent2>
        <a:srgbClr val="95D4E9"/>
      </a:accent2>
      <a:accent3>
        <a:srgbClr val="A49888"/>
      </a:accent3>
      <a:accent4>
        <a:srgbClr val="F3E503"/>
      </a:accent4>
      <a:accent5>
        <a:srgbClr val="FF6C0E"/>
      </a:accent5>
      <a:accent6>
        <a:srgbClr val="A2A9AD"/>
      </a:accent6>
      <a:hlink>
        <a:srgbClr val="008AAB"/>
      </a:hlink>
      <a:folHlink>
        <a:srgbClr val="5B6670"/>
      </a:folHlink>
    </a:clrScheme>
    <a:fontScheme name="Montserrat">
      <a:majorFont>
        <a:latin typeface="Montserrat Bold"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Montserrat Light" panose="02020603050405020304"/>
        <a:ea typeface=""/>
        <a:cs typeface=""/>
        <a:font script="Jpan" typeface="ＭＳ Ｐ明朝"/>
        <a:font script="Hang" typeface="바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accent1"/>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none" rtlCol="0">
        <a:spAutoFit/>
      </a:bodyPr>
      <a:lstStyle>
        <a:defPPr algn="l">
          <a:defRPr sz="1200" dirty="0" smtClean="0">
            <a:solidFill>
              <a:srgbClr val="003A5D"/>
            </a:solidFill>
            <a:latin typeface="+mn-lt"/>
          </a:defRPr>
        </a:defPPr>
      </a:lstStyle>
    </a:txDef>
  </a:objectDefaults>
  <a:extraClrSchemeLst/>
  <a:extLst>
    <a:ext uri="{05A4C25C-085E-4340-85A3-A5531E510DB2}">
      <thm15:themeFamily xmlns:thm15="http://schemas.microsoft.com/office/thememl/2012/main" name="Autobooks Template 2021-Dec.potx" id="{6C1C6274-BE6A-024A-AB2E-EC349F257958}" vid="{A6561139-806A-FF49-841F-A9022D123B6C}"/>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_ip_UnifiedCompliancePolicyUIAction xmlns="http://schemas.microsoft.com/sharepoint/v3" xsi:nil="true"/>
    <lcf76f155ced4ddcb4097134ff3c332f xmlns="1594e78f-b99b-46c6-8b7d-7a3689949b59">
      <Terms xmlns="http://schemas.microsoft.com/office/infopath/2007/PartnerControls"/>
    </lcf76f155ced4ddcb4097134ff3c332f>
    <_ip_UnifiedCompliancePolicyProperties xmlns="http://schemas.microsoft.com/sharepoint/v3" xsi:nil="true"/>
    <TaxCatchAll xmlns="afcef262-71b7-4e7a-a0c0-611469eabd44" xsi:nil="true"/>
  </documentManagement>
</p:properties>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ct:contentTypeSchema xmlns:ct="http://schemas.microsoft.com/office/2006/metadata/contentType" xmlns:ma="http://schemas.microsoft.com/office/2006/metadata/properties/metaAttributes" ct:_="" ma:_="" ma:contentTypeName="Document" ma:contentTypeID="0x010100DC305E17507AD643953D1A260E1F5FB5" ma:contentTypeVersion="25" ma:contentTypeDescription="Create a new document." ma:contentTypeScope="" ma:versionID="e2c0d24ae81476575b4b0a09d0d0a8a9">
  <xsd:schema xmlns:xsd="http://www.w3.org/2001/XMLSchema" xmlns:xs="http://www.w3.org/2001/XMLSchema" xmlns:p="http://schemas.microsoft.com/office/2006/metadata/properties" xmlns:ns1="http://schemas.microsoft.com/sharepoint/v3" xmlns:ns2="afcef262-71b7-4e7a-a0c0-611469eabd44" xmlns:ns3="1594e78f-b99b-46c6-8b7d-7a3689949b59" targetNamespace="http://schemas.microsoft.com/office/2006/metadata/properties" ma:root="true" ma:fieldsID="c775238ad449fc8378c5d06fa2367de7" ns1:_="" ns2:_="" ns3:_="">
    <xsd:import namespace="http://schemas.microsoft.com/sharepoint/v3"/>
    <xsd:import namespace="afcef262-71b7-4e7a-a0c0-611469eabd44"/>
    <xsd:import namespace="1594e78f-b99b-46c6-8b7d-7a3689949b59"/>
    <xsd:element name="properties">
      <xsd:complexType>
        <xsd:sequence>
          <xsd:element name="documentManagement">
            <xsd:complexType>
              <xsd:all>
                <xsd:element ref="ns2:SharedWithUsers" minOccurs="0"/>
                <xsd:element ref="ns2:SharedWithDetails" minOccurs="0"/>
                <xsd:element ref="ns2:LastSharedByUser" minOccurs="0"/>
                <xsd:element ref="ns2:LastSharedByTime" minOccurs="0"/>
                <xsd:element ref="ns3:MediaServiceMetadata" minOccurs="0"/>
                <xsd:element ref="ns3:MediaServiceFastMetadata" minOccurs="0"/>
                <xsd:element ref="ns3:MediaServiceDateTaken" minOccurs="0"/>
                <xsd:element ref="ns3:MediaServiceAutoTags" minOccurs="0"/>
                <xsd:element ref="ns1:_ip_UnifiedCompliancePolicyProperties" minOccurs="0"/>
                <xsd:element ref="ns1:_ip_UnifiedCompliancePolicyUIAction" minOccurs="0"/>
                <xsd:element ref="ns3:MediaServiceOCR" minOccurs="0"/>
                <xsd:element ref="ns3:MediaServiceEventHashCode" minOccurs="0"/>
                <xsd:element ref="ns3:MediaServiceGenerationTime" minOccurs="0"/>
                <xsd:element ref="ns3:MediaServiceLocation" minOccurs="0"/>
                <xsd:element ref="ns3:MediaServiceAutoKeyPoints" minOccurs="0"/>
                <xsd:element ref="ns3:MediaServiceKeyPoints" minOccurs="0"/>
                <xsd:element ref="ns3:MediaLengthInSeconds" minOccurs="0"/>
                <xsd:element ref="ns2:TaxCatchAll" minOccurs="0"/>
                <xsd:element ref="ns3:lcf76f155ced4ddcb4097134ff3c332f" minOccurs="0"/>
                <xsd:element ref="ns3:MediaServiceObjectDetectorVersions" minOccurs="0"/>
                <xsd:element ref="ns3:MediaServiceSearchProperties" minOccurs="0"/>
                <xsd:element ref="ns3:MediaServiceBillingMetadata"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http://schemas.microsoft.com/sharepoint/v3" elementFormDefault="qualified">
    <xsd:import namespace="http://schemas.microsoft.com/office/2006/documentManagement/types"/>
    <xsd:import namespace="http://schemas.microsoft.com/office/infopath/2007/PartnerControls"/>
    <xsd:element name="_ip_UnifiedCompliancePolicyProperties" ma:index="16" nillable="true" ma:displayName="Unified Compliance Policy Properties" ma:description="" ma:hidden="true" ma:internalName="_ip_UnifiedCompliancePolicyProperties">
      <xsd:simpleType>
        <xsd:restriction base="dms:Note"/>
      </xsd:simpleType>
    </xsd:element>
    <xsd:element name="_ip_UnifiedCompliancePolicyUIAction" ma:index="17" nillable="true" ma:displayName="Unified Compliance Policy UI Action" ma:description="" ma:hidden="true" ma:internalName="_ip_UnifiedCompliancePolicyUIAction">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afcef262-71b7-4e7a-a0c0-611469eabd44" elementFormDefault="qualified">
    <xsd:import namespace="http://schemas.microsoft.com/office/2006/documentManagement/types"/>
    <xsd:import namespace="http://schemas.microsoft.com/office/infopath/2007/PartnerControls"/>
    <xsd:element name="SharedWithUsers" ma:index="8" nillable="true" ma:displayName="Shared With" ma:description=""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9" nillable="true" ma:displayName="Shared With Details" ma:description="" ma:internalName="SharedWithDetails" ma:readOnly="true">
      <xsd:simpleType>
        <xsd:restriction base="dms:Note">
          <xsd:maxLength value="255"/>
        </xsd:restriction>
      </xsd:simpleType>
    </xsd:element>
    <xsd:element name="LastSharedByUser" ma:index="10" nillable="true" ma:displayName="Last Shared By User" ma:description="" ma:internalName="LastSharedByUser" ma:readOnly="true">
      <xsd:simpleType>
        <xsd:restriction base="dms:Note">
          <xsd:maxLength value="255"/>
        </xsd:restriction>
      </xsd:simpleType>
    </xsd:element>
    <xsd:element name="LastSharedByTime" ma:index="11" nillable="true" ma:displayName="Last Shared By Time" ma:description="" ma:internalName="LastSharedByTime" ma:readOnly="true">
      <xsd:simpleType>
        <xsd:restriction base="dms:DateTime"/>
      </xsd:simpleType>
    </xsd:element>
    <xsd:element name="TaxCatchAll" ma:index="25" nillable="true" ma:displayName="Taxonomy Catch All Column" ma:hidden="true" ma:list="{04e100b9-66fd-49e5-9e03-04fff7a0d6bf}" ma:internalName="TaxCatchAll" ma:showField="CatchAllData" ma:web="afcef262-71b7-4e7a-a0c0-611469eabd44">
      <xsd:complexType>
        <xsd:complexContent>
          <xsd:extension base="dms:MultiChoiceLookup">
            <xsd:sequence>
              <xsd:element name="Value" type="dms:Lookup" maxOccurs="unbounded" minOccurs="0" nillable="true"/>
            </xsd:sequence>
          </xsd:extension>
        </xsd:complexContent>
      </xsd:complexType>
    </xsd:element>
  </xsd:schema>
  <xsd:schema xmlns:xsd="http://www.w3.org/2001/XMLSchema" xmlns:xs="http://www.w3.org/2001/XMLSchema" xmlns:dms="http://schemas.microsoft.com/office/2006/documentManagement/types" xmlns:pc="http://schemas.microsoft.com/office/infopath/2007/PartnerControls" targetNamespace="1594e78f-b99b-46c6-8b7d-7a3689949b59" elementFormDefault="qualified">
    <xsd:import namespace="http://schemas.microsoft.com/office/2006/documentManagement/types"/>
    <xsd:import namespace="http://schemas.microsoft.com/office/infopath/2007/PartnerControls"/>
    <xsd:element name="MediaServiceMetadata" ma:index="12" nillable="true" ma:displayName="MediaServiceMetadata" ma:description="" ma:hidden="true" ma:internalName="MediaServiceMetadata" ma:readOnly="true">
      <xsd:simpleType>
        <xsd:restriction base="dms:Note"/>
      </xsd:simpleType>
    </xsd:element>
    <xsd:element name="MediaServiceFastMetadata" ma:index="13" nillable="true" ma:displayName="MediaServiceFastMetadata" ma:description="" ma:hidden="true" ma:internalName="MediaServiceFastMetadata" ma:readOnly="true">
      <xsd:simpleType>
        <xsd:restriction base="dms:Note"/>
      </xsd:simpleType>
    </xsd:element>
    <xsd:element name="MediaServiceDateTaken" ma:index="14" nillable="true" ma:displayName="MediaServiceDateTaken" ma:description="" ma:hidden="true" ma:internalName="MediaServiceDateTaken" ma:readOnly="true">
      <xsd:simpleType>
        <xsd:restriction base="dms:Text"/>
      </xsd:simpleType>
    </xsd:element>
    <xsd:element name="MediaServiceAutoTags" ma:index="15" nillable="true" ma:displayName="MediaServiceAutoTags" ma:description="" ma:internalName="MediaServiceAutoTags" ma:readOnly="true">
      <xsd:simpleType>
        <xsd:restriction base="dms:Text"/>
      </xsd:simpleType>
    </xsd:element>
    <xsd:element name="MediaServiceOCR" ma:index="18" nillable="true" ma:displayName="MediaServiceOCR" ma:internalName="MediaServiceOCR" ma:readOnly="true">
      <xsd:simpleType>
        <xsd:restriction base="dms:Note">
          <xsd:maxLength value="255"/>
        </xsd:restriction>
      </xsd:simpleType>
    </xsd:element>
    <xsd:element name="MediaServiceEventHashCode" ma:index="19" nillable="true" ma:displayName="MediaServiceEventHashCode" ma:hidden="true" ma:internalName="MediaServiceEventHashCode" ma:readOnly="true">
      <xsd:simpleType>
        <xsd:restriction base="dms:Text"/>
      </xsd:simpleType>
    </xsd:element>
    <xsd:element name="MediaServiceGenerationTime" ma:index="20" nillable="true" ma:displayName="MediaServiceGenerationTime" ma:hidden="true" ma:internalName="MediaServiceGenerationTime" ma:readOnly="true">
      <xsd:simpleType>
        <xsd:restriction base="dms:Text"/>
      </xsd:simpleType>
    </xsd:element>
    <xsd:element name="MediaServiceLocation" ma:index="21" nillable="true" ma:displayName="Location" ma:internalName="MediaServiceLocation" ma:readOnly="true">
      <xsd:simpleType>
        <xsd:restriction base="dms:Text"/>
      </xsd:simpleType>
    </xsd:element>
    <xsd:element name="MediaServiceAutoKeyPoints" ma:index="22" nillable="true" ma:displayName="MediaServiceAutoKeyPoints" ma:hidden="true" ma:internalName="MediaServiceAutoKeyPoints" ma:readOnly="true">
      <xsd:simpleType>
        <xsd:restriction base="dms:Note"/>
      </xsd:simpleType>
    </xsd:element>
    <xsd:element name="MediaServiceKeyPoints" ma:index="23" nillable="true" ma:displayName="KeyPoints" ma:internalName="MediaServiceKeyPoints" ma:readOnly="true">
      <xsd:simpleType>
        <xsd:restriction base="dms:Note">
          <xsd:maxLength value="255"/>
        </xsd:restriction>
      </xsd:simpleType>
    </xsd:element>
    <xsd:element name="MediaLengthInSeconds" ma:index="24" nillable="true" ma:displayName="Length (seconds)" ma:internalName="MediaLengthInSeconds" ma:readOnly="true">
      <xsd:simpleType>
        <xsd:restriction base="dms:Unknown"/>
      </xsd:simpleType>
    </xsd:element>
    <xsd:element name="lcf76f155ced4ddcb4097134ff3c332f" ma:index="27" nillable="true" ma:taxonomy="true" ma:internalName="lcf76f155ced4ddcb4097134ff3c332f" ma:taxonomyFieldName="MediaServiceImageTags" ma:displayName="Image Tags" ma:readOnly="false" ma:fieldId="{5cf76f15-5ced-4ddc-b409-7134ff3c332f}" ma:taxonomyMulti="true" ma:sspId="183e4f8f-05f7-4d0c-9e58-14bf367f954a" ma:termSetId="09814cd3-568e-fe90-9814-8d621ff8fb84" ma:anchorId="fba54fb3-c3e1-fe81-a776-ca4b69148c4d" ma:open="true" ma:isKeyword="false">
      <xsd:complexType>
        <xsd:sequence>
          <xsd:element ref="pc:Terms" minOccurs="0" maxOccurs="1"/>
        </xsd:sequence>
      </xsd:complexType>
    </xsd:element>
    <xsd:element name="MediaServiceObjectDetectorVersions" ma:index="28" nillable="true" ma:displayName="MediaServiceObjectDetectorVersions" ma:description="" ma:hidden="true" ma:indexed="true" ma:internalName="MediaServiceObjectDetectorVersions" ma:readOnly="true">
      <xsd:simpleType>
        <xsd:restriction base="dms:Text"/>
      </xsd:simpleType>
    </xsd:element>
    <xsd:element name="MediaServiceSearchProperties" ma:index="29" nillable="true" ma:displayName="MediaServiceSearchProperties" ma:hidden="true" ma:internalName="MediaServiceSearchProperties" ma:readOnly="true">
      <xsd:simpleType>
        <xsd:restriction base="dms:Note"/>
      </xsd:simpleType>
    </xsd:element>
    <xsd:element name="MediaServiceBillingMetadata" ma:index="30" nillable="true" ma:displayName="MediaServiceBillingMetadata" ma:hidden="true" ma:internalName="MediaServiceBillingMetadata" ma:readOnly="true">
      <xsd:simpleType>
        <xsd:restriction base="dms:Note"/>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19B8C8BB-97E1-489B-A8C1-B425C0B70AEC}">
  <ds:schemaRefs>
    <ds:schemaRef ds:uri="http://schemas.openxmlformats.org/package/2006/metadata/core-properties"/>
    <ds:schemaRef ds:uri="http://www.w3.org/XML/1998/namespace"/>
    <ds:schemaRef ds:uri="http://purl.org/dc/elements/1.1/"/>
    <ds:schemaRef ds:uri="http://purl.org/dc/terms/"/>
    <ds:schemaRef ds:uri="http://purl.org/dc/dcmitype/"/>
    <ds:schemaRef ds:uri="http://schemas.microsoft.com/office/2006/documentManagement/types"/>
    <ds:schemaRef ds:uri="1594e78f-b99b-46c6-8b7d-7a3689949b59"/>
    <ds:schemaRef ds:uri="http://schemas.microsoft.com/sharepoint/v3"/>
    <ds:schemaRef ds:uri="http://schemas.microsoft.com/office/infopath/2007/PartnerControls"/>
    <ds:schemaRef ds:uri="afcef262-71b7-4e7a-a0c0-611469eabd44"/>
    <ds:schemaRef ds:uri="http://schemas.microsoft.com/office/2006/metadata/properties"/>
  </ds:schemaRefs>
</ds:datastoreItem>
</file>

<file path=customXml/itemProps2.xml><?xml version="1.0" encoding="utf-8"?>
<ds:datastoreItem xmlns:ds="http://schemas.openxmlformats.org/officeDocument/2006/customXml" ds:itemID="{4622FC98-0DE7-458C-B8AC-E33D4A70F776}">
  <ds:schemaRefs>
    <ds:schemaRef ds:uri="http://schemas.microsoft.com/sharepoint/v3/contenttype/forms"/>
  </ds:schemaRefs>
</ds:datastoreItem>
</file>

<file path=customXml/itemProps3.xml><?xml version="1.0" encoding="utf-8"?>
<ds:datastoreItem xmlns:ds="http://schemas.openxmlformats.org/officeDocument/2006/customXml" ds:itemID="{90C9074F-88E3-43D0-A34C-218262821D11}">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microsoft.com/sharepoint/v3"/>
    <ds:schemaRef ds:uri="afcef262-71b7-4e7a-a0c0-611469eabd44"/>
    <ds:schemaRef ds:uri="1594e78f-b99b-46c6-8b7d-7a3689949b59"/>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emplate/>
  <TotalTime>860</TotalTime>
  <Words>4728</Words>
  <Application>Microsoft Macintosh PowerPoint</Application>
  <PresentationFormat>Widescreen</PresentationFormat>
  <Paragraphs>329</Paragraphs>
  <Slides>19</Slides>
  <Notes>14</Notes>
  <HiddenSlides>0</HiddenSlides>
  <MMClips>0</MMClips>
  <ScaleCrop>false</ScaleCrop>
  <HeadingPairs>
    <vt:vector size="6" baseType="variant">
      <vt:variant>
        <vt:lpstr>Fonts Used</vt:lpstr>
      </vt:variant>
      <vt:variant>
        <vt:i4>9</vt:i4>
      </vt:variant>
      <vt:variant>
        <vt:lpstr>Theme</vt:lpstr>
      </vt:variant>
      <vt:variant>
        <vt:i4>2</vt:i4>
      </vt:variant>
      <vt:variant>
        <vt:lpstr>Slide Titles</vt:lpstr>
      </vt:variant>
      <vt:variant>
        <vt:i4>19</vt:i4>
      </vt:variant>
    </vt:vector>
  </HeadingPairs>
  <TitlesOfParts>
    <vt:vector size="30" baseType="lpstr">
      <vt:lpstr>Arial</vt:lpstr>
      <vt:lpstr>Calibri</vt:lpstr>
      <vt:lpstr>Courier New</vt:lpstr>
      <vt:lpstr>Montserrat</vt:lpstr>
      <vt:lpstr>Montserrat Bold</vt:lpstr>
      <vt:lpstr>Montserrat Light</vt:lpstr>
      <vt:lpstr>Roboto</vt:lpstr>
      <vt:lpstr>Source Sans Pro</vt:lpstr>
      <vt:lpstr>Wingdings</vt:lpstr>
      <vt:lpstr>11_Autobooks Template 2021-Dec</vt:lpstr>
      <vt:lpstr>9_Autobooks Template 2021-Dec</vt:lpstr>
      <vt:lpstr>Basics of Autobooks Capital</vt:lpstr>
      <vt:lpstr>PowerPoint Presentation</vt:lpstr>
      <vt:lpstr>PowerPoint Presentation</vt:lpstr>
      <vt:lpstr>Picture this…</vt:lpstr>
      <vt:lpstr>The Growing Demand for Small Business Capital</vt:lpstr>
      <vt:lpstr>Third-party providers already meet that demand by providing capital products in addition to other standard banking products and services </vt:lpstr>
      <vt:lpstr>Now YOU can write a happy ending to the story</vt:lpstr>
      <vt:lpstr>PowerPoint Presentation</vt:lpstr>
      <vt:lpstr>The Pre-qualification</vt:lpstr>
      <vt:lpstr>The Pre-qualification</vt:lpstr>
      <vt:lpstr>The Application</vt:lpstr>
      <vt:lpstr>Approval Process - Summary</vt:lpstr>
      <vt:lpstr>PowerPoint Presentation</vt:lpstr>
      <vt:lpstr>The initial draw</vt:lpstr>
      <vt:lpstr>Repayment of draws</vt:lpstr>
      <vt:lpstr>Early repayment of draws</vt:lpstr>
      <vt:lpstr>Subsequent draws</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E-Learning Title</dc:title>
  <dc:creator>Ashley DiFonzo</dc:creator>
  <cp:lastModifiedBy>Kim Reher</cp:lastModifiedBy>
  <cp:revision>2</cp:revision>
  <dcterms:created xsi:type="dcterms:W3CDTF">2024-02-26T21:02:00Z</dcterms:created>
  <dcterms:modified xsi:type="dcterms:W3CDTF">2025-10-08T19:56:0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DC305E17507AD643953D1A260E1F5FB5</vt:lpwstr>
  </property>
  <property fmtid="{D5CDD505-2E9C-101B-9397-08002B2CF9AE}" pid="3" name="MediaServiceImageTags">
    <vt:lpwstr/>
  </property>
  <property fmtid="{D5CDD505-2E9C-101B-9397-08002B2CF9AE}" pid="4" name="MSIP_Label_0423607a-9a40-4fea-a5b2-a4c4228e39f9_Enabled">
    <vt:lpwstr>True</vt:lpwstr>
  </property>
  <property fmtid="{D5CDD505-2E9C-101B-9397-08002B2CF9AE}" pid="5" name="MSIP_Label_0423607a-9a40-4fea-a5b2-a4c4228e39f9_SiteId">
    <vt:lpwstr>87b696bc-7239-481b-a945-dcf867dacf9b</vt:lpwstr>
  </property>
  <property fmtid="{D5CDD505-2E9C-101B-9397-08002B2CF9AE}" pid="6" name="MSIP_Label_0423607a-9a40-4fea-a5b2-a4c4228e39f9_SetDate">
    <vt:lpwstr>2025-03-12T03:15:35Z</vt:lpwstr>
  </property>
  <property fmtid="{D5CDD505-2E9C-101B-9397-08002B2CF9AE}" pid="7" name="MSIP_Label_0423607a-9a40-4fea-a5b2-a4c4228e39f9_Name">
    <vt:lpwstr>AB - Secure</vt:lpwstr>
  </property>
  <property fmtid="{D5CDD505-2E9C-101B-9397-08002B2CF9AE}" pid="8" name="MSIP_Label_0423607a-9a40-4fea-a5b2-a4c4228e39f9_ActionId">
    <vt:lpwstr>15e89124-f55c-46ce-9924-725131758a68</vt:lpwstr>
  </property>
  <property fmtid="{D5CDD505-2E9C-101B-9397-08002B2CF9AE}" pid="9" name="MSIP_Label_0423607a-9a40-4fea-a5b2-a4c4228e39f9_Removed">
    <vt:lpwstr>False</vt:lpwstr>
  </property>
  <property fmtid="{D5CDD505-2E9C-101B-9397-08002B2CF9AE}" pid="10" name="MSIP_Label_0423607a-9a40-4fea-a5b2-a4c4228e39f9_Extended_MSFT_Method">
    <vt:lpwstr>Standard</vt:lpwstr>
  </property>
  <property fmtid="{D5CDD505-2E9C-101B-9397-08002B2CF9AE}" pid="11" name="Sensitivity">
    <vt:lpwstr>AB - Secure</vt:lpwstr>
  </property>
</Properties>
</file>